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23" d="100"/>
          <a:sy n="123" d="100"/>
        </p:scale>
        <p:origin x="114" y="2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E9F61F-BBC6-141B-FD88-A8038D888A1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C155154-5CCF-A4C4-8EB2-90D98172B06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5A2A17-F59B-5526-7F69-09CBF9521A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34D455-B5EC-E7E1-57D7-7D0EBF3FDF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0AD14A-BC40-FF4E-2916-725BFE2E57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08911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2CE9BF-46C9-2780-C201-5478547F62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00FC180-BBC1-EA47-6D56-F7C61610CBF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607C01-6562-09DC-2A74-7BC9A00F55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9AA86F-3196-3F66-2FF0-ADA1353DC9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5222D-4637-4741-D9AF-F96DB0B8B9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76757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F329269-884D-9ABA-D91F-4B0D0C82748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F746B7D-94E5-A6DB-7E18-C8DA07EC538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C5A2EC-C5AC-A10B-C60A-E4F994E999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9D05A90-E592-3D71-FF90-C9B83FEB6B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E8A1E2-69E5-EA4C-9EAF-F55C4502AC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710432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D68E67-77F9-7BD6-515F-2B50390817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C6BA1A-40FE-C49B-9EEC-D50B6D792F9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384869-BF03-C914-7562-B43F3B5C71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F163FA-3D1D-F33E-130D-CE850B2606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B9933-0525-C3D9-8632-757F99860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0594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7C3D85-7435-6D30-08F8-B333580AEA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7BC7ADE-888A-B6E2-7EDC-920E111711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1B961BB-0436-6BE4-EF30-AE4EA28784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19E7A32-0EED-8302-F767-BD95AA41E2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E809FDD-D803-393A-59FD-F39970C2FB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296015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442517-D969-AB16-E54C-3AA4635516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95FB01-E238-810A-71F9-E8254E18528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C7F151A-1D6E-2314-08FB-DCDF71B106B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F9BC43C-CC71-8DAF-A1F3-784293FBBF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5BA8E9F-BE5C-B9BC-B799-8BC9E1B036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0D5AE5B-DA56-8829-666B-6ECDF6920D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20503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8E01D4-2E9F-D641-1FCF-7542E2D19D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84FFC74-C3CE-4981-1020-E29EA2BF50C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9D40556-447E-CE09-B795-E05E2722040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F784F98-9A41-94EA-E388-0E3C0D0765B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09CAE40-265F-4A4C-01F2-669F8E8F650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805C4B5-8C24-4AD8-8293-BFDC5DFD8D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9BEE74B-D093-1DB0-268C-73F9C19CA9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B561D9C-FD9B-BC2F-7A26-AEA8918F0C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186528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078951-77AA-D00A-DFE0-F3ABB24CCF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8AE23B8-2658-EFF8-8C0B-49970C38B9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780C8E7-563B-142E-8A2B-704ACC83B4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57DD5B2-4D45-FD3A-B64B-63ED3B4C70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2682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F6482B4-8C4E-A219-6C2E-B88F97EE1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97B7632-EBCB-14AB-62E7-BFEE48210D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E63187C-4E8A-FB2F-0F09-D9794BFF2B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10893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F98213-A856-8293-8942-2CA355FC73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55BB469-D711-B835-F1FE-78F02860C4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76AE934-EDBB-57F3-7905-7B98C4F1CC5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AF2EF0-D995-A239-0915-139C66B9F0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3DEE4CB-EEB4-AF14-52D5-E18AC98E91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CBF2A6C-2BFC-70F7-E78A-5A8BA098EE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421622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DEFE57-3BD8-3A19-3929-E884532876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DED2B57-77BB-E93D-5F45-F790B784118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8A7ECBE-3D65-5C33-A1A8-2B8D69EC7EE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BF5BF2F-6AB8-226C-BA39-CE9A03CDEE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0BFC614-7691-D0F6-DF5E-EA4FB45F42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299235-C714-29F2-C86F-D44D728D37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75553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C92228B-62C6-49F3-6026-8E4DABF0AE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33EC775-2CCC-33B2-7134-826D0B70E25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3AB58EA-5A99-9C9C-F722-1FCC675CE44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358994-08E4-4A4C-A911-3B185BD7A6C7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3005533-E1B6-FB8A-CBFA-3E4C75417CB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1188A4-D15C-0691-89B5-EBC778CAC05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34E2BDF-8D5B-448B-9AB0-A549034827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941848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58" name="OTLSHAPE_T_a472f0c373ad47f298a93e2abf4cf605_HorizontalConnector1">
            <a:extLst>
              <a:ext uri="{FF2B5EF4-FFF2-40B4-BE49-F238E27FC236}">
                <a16:creationId xmlns:a16="http://schemas.microsoft.com/office/drawing/2014/main" id="{66D40AF5-D312-8A19-AFD3-3447DED8277B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698669" y="2374773"/>
            <a:ext cx="4805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_01bb942b4bd448e8a92d2bce47980adc_HorizontalConnector1">
            <a:extLst>
              <a:ext uri="{FF2B5EF4-FFF2-40B4-BE49-F238E27FC236}">
                <a16:creationId xmlns:a16="http://schemas.microsoft.com/office/drawing/2014/main" id="{9A779B9A-31BF-AF71-125D-D65348545D15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352338" y="2584323"/>
            <a:ext cx="3185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_32b5bc16bea94cfaa6cec294b58af7d8_HorizontalConnector1">
            <a:extLst>
              <a:ext uri="{FF2B5EF4-FFF2-40B4-BE49-F238E27FC236}">
                <a16:creationId xmlns:a16="http://schemas.microsoft.com/office/drawing/2014/main" id="{9ADC859A-A6C7-4D43-CA1C-B6A3A801D13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178094" y="2793873"/>
            <a:ext cx="17219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T_719eab1e0c42462cb28deb4aafe3c0f6_HorizontalConnector1">
            <a:extLst>
              <a:ext uri="{FF2B5EF4-FFF2-40B4-BE49-F238E27FC236}">
                <a16:creationId xmlns:a16="http://schemas.microsoft.com/office/drawing/2014/main" id="{9C4EDCF2-30D2-786F-9A0A-D12A2901DA2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263016" y="3003423"/>
            <a:ext cx="21287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_3c50387847424d43b3124572a49e0694_HorizontalConnector1">
            <a:extLst>
              <a:ext uri="{FF2B5EF4-FFF2-40B4-BE49-F238E27FC236}">
                <a16:creationId xmlns:a16="http://schemas.microsoft.com/office/drawing/2014/main" id="{4DBA8F09-AAA3-E4C6-A28A-69E971A448D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02030" y="3212973"/>
            <a:ext cx="18980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T_4c31515da6e040539ca811bc3602fa5b_HorizontalConnector1">
            <a:extLst>
              <a:ext uri="{FF2B5EF4-FFF2-40B4-BE49-F238E27FC236}">
                <a16:creationId xmlns:a16="http://schemas.microsoft.com/office/drawing/2014/main" id="{A63C50E9-E1FE-C4A3-6D33-1A68908458D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71067" y="3422523"/>
            <a:ext cx="222069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_2b1bb91e331d42f7a21824011ce02700_HorizontalConnector1">
            <a:extLst>
              <a:ext uri="{FF2B5EF4-FFF2-40B4-BE49-F238E27FC236}">
                <a16:creationId xmlns:a16="http://schemas.microsoft.com/office/drawing/2014/main" id="{C2AE4DF7-6F9C-60B6-954D-A9C1E7A6688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467528" y="3632073"/>
            <a:ext cx="29075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_52542831be3542559b5ea045113be903_HorizontalConnector1">
            <a:extLst>
              <a:ext uri="{FF2B5EF4-FFF2-40B4-BE49-F238E27FC236}">
                <a16:creationId xmlns:a16="http://schemas.microsoft.com/office/drawing/2014/main" id="{119FFF56-190C-3149-32C6-E28F4B824E6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40876" y="3841623"/>
            <a:ext cx="510928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_7308986873854c2fba6613ced8878c7d_HorizontalConnector1">
            <a:extLst>
              <a:ext uri="{FF2B5EF4-FFF2-40B4-BE49-F238E27FC236}">
                <a16:creationId xmlns:a16="http://schemas.microsoft.com/office/drawing/2014/main" id="{A3247D14-1195-FBA1-76F1-580663C3521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164378" y="4051173"/>
            <a:ext cx="468578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7" name="OTLSHAPE_T_7f44d70b02db4d79aca7fa5b41d7445a_HorizontalConnector1">
            <a:extLst>
              <a:ext uri="{FF2B5EF4-FFF2-40B4-BE49-F238E27FC236}">
                <a16:creationId xmlns:a16="http://schemas.microsoft.com/office/drawing/2014/main" id="{D2EA35E6-D573-48ED-1C70-0EE3889E8ED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83175" y="4260723"/>
            <a:ext cx="369194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_228c12952c1742ef8d0fcb676d03c93b_HorizontalConnector1">
            <a:extLst>
              <a:ext uri="{FF2B5EF4-FFF2-40B4-BE49-F238E27FC236}">
                <a16:creationId xmlns:a16="http://schemas.microsoft.com/office/drawing/2014/main" id="{B379F2ED-EC52-5FDC-2E34-BAE15E03084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157309" y="4470273"/>
            <a:ext cx="321781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" name="OTLSHAPE_T_787f8421fbb248a3af3334e62b288801_HorizontalConnector1">
            <a:extLst>
              <a:ext uri="{FF2B5EF4-FFF2-40B4-BE49-F238E27FC236}">
                <a16:creationId xmlns:a16="http://schemas.microsoft.com/office/drawing/2014/main" id="{D61ED3DD-003F-7193-F742-C80BAD4FB2D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77478" y="4679823"/>
            <a:ext cx="53726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_c0e64bb62e2a4439b4d87a7c63510b8f_HorizontalConnector1">
            <a:extLst>
              <a:ext uri="{FF2B5EF4-FFF2-40B4-BE49-F238E27FC236}">
                <a16:creationId xmlns:a16="http://schemas.microsoft.com/office/drawing/2014/main" id="{CE3B307A-0245-B22B-FD36-3E51D2006A5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85766" y="4889373"/>
            <a:ext cx="52643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T_8461dce0bb36455fb16680c89e12df39_HorizontalConnector1">
            <a:extLst>
              <a:ext uri="{FF2B5EF4-FFF2-40B4-BE49-F238E27FC236}">
                <a16:creationId xmlns:a16="http://schemas.microsoft.com/office/drawing/2014/main" id="{EF847795-B3D9-23A5-A7AF-51CA35A68FC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05527" y="5098923"/>
            <a:ext cx="51446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_d3696bdafa084fffa92076f16c0cdc1c_HorizontalConnector1">
            <a:extLst>
              <a:ext uri="{FF2B5EF4-FFF2-40B4-BE49-F238E27FC236}">
                <a16:creationId xmlns:a16="http://schemas.microsoft.com/office/drawing/2014/main" id="{3382DEAC-E1EF-A830-15C9-D9ECE058AD8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08846" y="5308473"/>
            <a:ext cx="70538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T_2702c474839d4bdcbe4a65a3cb662fa9_HorizontalConnector1">
            <a:extLst>
              <a:ext uri="{FF2B5EF4-FFF2-40B4-BE49-F238E27FC236}">
                <a16:creationId xmlns:a16="http://schemas.microsoft.com/office/drawing/2014/main" id="{B853F8FB-6784-53A0-6A48-668C8ADD99D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78654" y="5518023"/>
            <a:ext cx="748406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_e1bf5b9c320a45cfafceb0f87eacd3e9_HorizontalConnector1">
            <a:extLst>
              <a:ext uri="{FF2B5EF4-FFF2-40B4-BE49-F238E27FC236}">
                <a16:creationId xmlns:a16="http://schemas.microsoft.com/office/drawing/2014/main" id="{A626CD57-C63C-E405-808D-822FEBD9F64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114849" y="5727573"/>
            <a:ext cx="79312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T_acdf11cc8dc945cb910b646634434c0c_HorizontalConnector1">
            <a:extLst>
              <a:ext uri="{FF2B5EF4-FFF2-40B4-BE49-F238E27FC236}">
                <a16:creationId xmlns:a16="http://schemas.microsoft.com/office/drawing/2014/main" id="{C3E8BEC0-857C-4D25-195A-E8027919A3F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265174" y="5937123"/>
            <a:ext cx="97476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OTLSHAPE_TB_00000000000000000000000000000000_ScaleContainer">
            <a:extLst>
              <a:ext uri="{FF2B5EF4-FFF2-40B4-BE49-F238E27FC236}">
                <a16:creationId xmlns:a16="http://schemas.microsoft.com/office/drawing/2014/main" id="{4769883E-A465-3482-3C24-7FF2CA3DF20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33365" y="1714500"/>
            <a:ext cx="10337800" cy="182880"/>
          </a:xfrm>
          <a:prstGeom prst="round2Same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TB_00000000000000000000000000000000_MiddleScaleContainer">
            <a:extLst>
              <a:ext uri="{FF2B5EF4-FFF2-40B4-BE49-F238E27FC236}">
                <a16:creationId xmlns:a16="http://schemas.microsoft.com/office/drawing/2014/main" id="{69F5E13E-6C04-878A-4EFF-BB04EA7BBBD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33365" y="1906524"/>
            <a:ext cx="10337800" cy="18288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imescaleInterval1">
            <a:extLst>
              <a:ext uri="{FF2B5EF4-FFF2-40B4-BE49-F238E27FC236}">
                <a16:creationId xmlns:a16="http://schemas.microsoft.com/office/drawing/2014/main" id="{F320C24F-674F-68F0-01C6-E914E52BA5A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96865" y="1728428"/>
            <a:ext cx="2921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A8280646-C045-37F0-26A5-F4ED19F96602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471904" y="1728428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E7D139B-3789-C03D-9A24-A958F2E0F930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946943" y="172842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44164B9C-1FBD-479F-A432-CCD7D898E21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421982" y="172842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14" name="OTLSHAPE_TB_00000000000000000000000000000000_TimescaleInterval5">
            <a:extLst>
              <a:ext uri="{FF2B5EF4-FFF2-40B4-BE49-F238E27FC236}">
                <a16:creationId xmlns:a16="http://schemas.microsoft.com/office/drawing/2014/main" id="{A945091E-7E85-9C8F-DC32-C37E58A34F9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897021" y="172842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5" name="OTLSHAPE_TB_00000000000000000000000000000000_TimescaleInterval6">
            <a:extLst>
              <a:ext uri="{FF2B5EF4-FFF2-40B4-BE49-F238E27FC236}">
                <a16:creationId xmlns:a16="http://schemas.microsoft.com/office/drawing/2014/main" id="{2E69FE62-92F5-6A85-E1D4-1A4878F8F48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372060" y="172842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183" name="OTLSHAPE_TB_00000000000000000000000000000000_TimescaleInterval7">
            <a:extLst>
              <a:ext uri="{FF2B5EF4-FFF2-40B4-BE49-F238E27FC236}">
                <a16:creationId xmlns:a16="http://schemas.microsoft.com/office/drawing/2014/main" id="{650A5661-B487-80CD-97D9-3FBA585BD99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847099" y="172842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37</a:t>
            </a:r>
          </a:p>
        </p:txBody>
      </p:sp>
      <p:sp>
        <p:nvSpPr>
          <p:cNvPr id="184" name="OTLSHAPE_TB_00000000000000000000000000000000_MiddleTimescaleInterval1">
            <a:extLst>
              <a:ext uri="{FF2B5EF4-FFF2-40B4-BE49-F238E27FC236}">
                <a16:creationId xmlns:a16="http://schemas.microsoft.com/office/drawing/2014/main" id="{EE5DBB7B-17BC-B6FE-8323-A0AD43701D0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996865" y="1920452"/>
            <a:ext cx="394339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85" name="OTLSHAPE_TB_00000000000000000000000000000000_MiddleTimescaleInterval2">
            <a:extLst>
              <a:ext uri="{FF2B5EF4-FFF2-40B4-BE49-F238E27FC236}">
                <a16:creationId xmlns:a16="http://schemas.microsoft.com/office/drawing/2014/main" id="{40CB72C8-BE6D-DD4F-6C73-78355B8B1A9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980225" y="19204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86" name="OTLSHAPE_TB_00000000000000000000000000000000_MiddleTimescaleInterval3">
            <a:extLst>
              <a:ext uri="{FF2B5EF4-FFF2-40B4-BE49-F238E27FC236}">
                <a16:creationId xmlns:a16="http://schemas.microsoft.com/office/drawing/2014/main" id="{46397794-7D3E-FC88-D5B3-EF045CA4359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701103" y="19204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87" name="OTLSHAPE_TB_00000000000000000000000000000000_MiddleTimescaleInterval4">
            <a:extLst>
              <a:ext uri="{FF2B5EF4-FFF2-40B4-BE49-F238E27FC236}">
                <a16:creationId xmlns:a16="http://schemas.microsoft.com/office/drawing/2014/main" id="{E66B3E0B-2177-A88E-C867-111E89A4E19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421982" y="19204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88" name="OTLSHAPE_TB_00000000000000000000000000000000_MiddleTimescaleInterval5">
            <a:extLst>
              <a:ext uri="{FF2B5EF4-FFF2-40B4-BE49-F238E27FC236}">
                <a16:creationId xmlns:a16="http://schemas.microsoft.com/office/drawing/2014/main" id="{046E1CE4-8E9E-7AAD-F790-448A0E729D0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142861" y="19204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89" name="OTLSHAPE_TB_00000000000000000000000000000000_MiddleTimescaleInterval6">
            <a:extLst>
              <a:ext uri="{FF2B5EF4-FFF2-40B4-BE49-F238E27FC236}">
                <a16:creationId xmlns:a16="http://schemas.microsoft.com/office/drawing/2014/main" id="{BBB48F2F-0F15-7FF2-330C-D06C6A669A5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863740" y="19204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212" name="OTLSHAPE_TB_00000000000000000000000000000000_MiddleTimescaleInterval7">
            <a:extLst>
              <a:ext uri="{FF2B5EF4-FFF2-40B4-BE49-F238E27FC236}">
                <a16:creationId xmlns:a16="http://schemas.microsoft.com/office/drawing/2014/main" id="{ED047021-1072-9539-E379-251DE4660562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584618" y="192045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24" name="OTLSHAPE_T_a472f0c373ad47f298a93e2abf4cf605_Shape">
            <a:extLst>
              <a:ext uri="{FF2B5EF4-FFF2-40B4-BE49-F238E27FC236}">
                <a16:creationId xmlns:a16="http://schemas.microsoft.com/office/drawing/2014/main" id="{9733D89C-F6FD-E411-7D5C-F1D68E0690A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79205" y="2311273"/>
            <a:ext cx="4953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_01bb942b4bd448e8a92d2bce47980adc_Shape">
            <a:extLst>
              <a:ext uri="{FF2B5EF4-FFF2-40B4-BE49-F238E27FC236}">
                <a16:creationId xmlns:a16="http://schemas.microsoft.com/office/drawing/2014/main" id="{CECB5AF0-8B1D-37C1-C778-75E003C9E17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670885" y="2520823"/>
            <a:ext cx="12319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32b5bc16bea94cfaa6cec294b58af7d8_Shape">
            <a:extLst>
              <a:ext uri="{FF2B5EF4-FFF2-40B4-BE49-F238E27FC236}">
                <a16:creationId xmlns:a16="http://schemas.microsoft.com/office/drawing/2014/main" id="{90E99296-16B8-E6B3-0844-702BBF1BA43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900084" y="2730373"/>
            <a:ext cx="4953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719eab1e0c42462cb28deb4aafe3c0f6_Shape">
            <a:extLst>
              <a:ext uri="{FF2B5EF4-FFF2-40B4-BE49-F238E27FC236}">
                <a16:creationId xmlns:a16="http://schemas.microsoft.com/office/drawing/2014/main" id="{2D961C2C-8505-C02D-233B-47FBC6ADC92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391764" y="2939923"/>
            <a:ext cx="4953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_3c50387847424d43b3124572a49e0694_Shape">
            <a:extLst>
              <a:ext uri="{FF2B5EF4-FFF2-40B4-BE49-F238E27FC236}">
                <a16:creationId xmlns:a16="http://schemas.microsoft.com/office/drawing/2014/main" id="{50D02211-F5CA-459F-658A-6B77E9E2DE8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2900084" y="3149473"/>
            <a:ext cx="7493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4c31515da6e040539ca811bc3602fa5b_Shape">
            <a:extLst>
              <a:ext uri="{FF2B5EF4-FFF2-40B4-BE49-F238E27FC236}">
                <a16:creationId xmlns:a16="http://schemas.microsoft.com/office/drawing/2014/main" id="{6074C1B7-1D57-29B0-B3AF-DFB2724F7DB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391764" y="3359023"/>
            <a:ext cx="9906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T_2b1bb91e331d42f7a21824011ce02700_Shape">
            <a:extLst>
              <a:ext uri="{FF2B5EF4-FFF2-40B4-BE49-F238E27FC236}">
                <a16:creationId xmlns:a16="http://schemas.microsoft.com/office/drawing/2014/main" id="{119ED999-7F58-FFC8-37CA-C2A5866BC6C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375123" y="3568573"/>
            <a:ext cx="14859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_52542831be3542559b5ea045113be903_Shape">
            <a:extLst>
              <a:ext uri="{FF2B5EF4-FFF2-40B4-BE49-F238E27FC236}">
                <a16:creationId xmlns:a16="http://schemas.microsoft.com/office/drawing/2014/main" id="{B98A9507-2196-0D51-258D-EBFD6DB2FDC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850162" y="3778123"/>
            <a:ext cx="4953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T_7308986873854c2fba6613ced8878c7d_Shape">
            <a:extLst>
              <a:ext uri="{FF2B5EF4-FFF2-40B4-BE49-F238E27FC236}">
                <a16:creationId xmlns:a16="http://schemas.microsoft.com/office/drawing/2014/main" id="{EF76FAFC-BFE0-03D3-2BF7-8BF6C23842B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850162" y="3987673"/>
            <a:ext cx="2222500" cy="127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T_7f44d70b02db4d79aca7fa5b41d7445a_Shape">
            <a:extLst>
              <a:ext uri="{FF2B5EF4-FFF2-40B4-BE49-F238E27FC236}">
                <a16:creationId xmlns:a16="http://schemas.microsoft.com/office/drawing/2014/main" id="{1403D4FE-CF2D-D9A2-431C-ECE61110849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375123" y="4197223"/>
            <a:ext cx="3695700" cy="127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T_228c12952c1742ef8d0fcb676d03c93b_Shape">
            <a:extLst>
              <a:ext uri="{FF2B5EF4-FFF2-40B4-BE49-F238E27FC236}">
                <a16:creationId xmlns:a16="http://schemas.microsoft.com/office/drawing/2014/main" id="{E0878D9E-6FCA-F64C-A9A8-A56F5505DD0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375123" y="4406773"/>
            <a:ext cx="3695700" cy="127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T_787f8421fbb248a3af3334e62b288801_Shape">
            <a:extLst>
              <a:ext uri="{FF2B5EF4-FFF2-40B4-BE49-F238E27FC236}">
                <a16:creationId xmlns:a16="http://schemas.microsoft.com/office/drawing/2014/main" id="{2D32C29D-C0A2-7CD8-908D-BBFC81AD6AF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850162" y="4616323"/>
            <a:ext cx="22225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T_c0e64bb62e2a4439b4d87a7c63510b8f_Shape">
            <a:extLst>
              <a:ext uri="{FF2B5EF4-FFF2-40B4-BE49-F238E27FC236}">
                <a16:creationId xmlns:a16="http://schemas.microsoft.com/office/drawing/2014/main" id="{1C0F72A6-8E3B-23E3-A683-277D7F01961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850162" y="4825873"/>
            <a:ext cx="2222500" cy="127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8461dce0bb36455fb16680c89e12df39_Shape">
            <a:extLst>
              <a:ext uri="{FF2B5EF4-FFF2-40B4-BE49-F238E27FC236}">
                <a16:creationId xmlns:a16="http://schemas.microsoft.com/office/drawing/2014/main" id="{98C62CC7-566F-8087-8B50-0217484FC8E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850162" y="5035423"/>
            <a:ext cx="2222500" cy="1270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T_d3696bdafa084fffa92076f16c0cdc1c_Shape">
            <a:extLst>
              <a:ext uri="{FF2B5EF4-FFF2-40B4-BE49-F238E27FC236}">
                <a16:creationId xmlns:a16="http://schemas.microsoft.com/office/drawing/2014/main" id="{216EEBBB-8904-A805-33A1-CC17071B77A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062720" y="5244973"/>
            <a:ext cx="7493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T_2702c474839d4bdcbe4a65a3cb662fa9_Shape">
            <a:extLst>
              <a:ext uri="{FF2B5EF4-FFF2-40B4-BE49-F238E27FC236}">
                <a16:creationId xmlns:a16="http://schemas.microsoft.com/office/drawing/2014/main" id="{19B0A530-906B-4AE6-BB63-086B74BBDD9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062720" y="5454523"/>
            <a:ext cx="9906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T_e1bf5b9c320a45cfafceb0f87eacd3e9_Shape">
            <a:extLst>
              <a:ext uri="{FF2B5EF4-FFF2-40B4-BE49-F238E27FC236}">
                <a16:creationId xmlns:a16="http://schemas.microsoft.com/office/drawing/2014/main" id="{7D2071EC-146E-C412-364C-1D12464D467A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046079" y="5664073"/>
            <a:ext cx="19685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T_acdf11cc8dc945cb910b646634434c0c_Shape">
            <a:extLst>
              <a:ext uri="{FF2B5EF4-FFF2-40B4-BE49-F238E27FC236}">
                <a16:creationId xmlns:a16="http://schemas.microsoft.com/office/drawing/2014/main" id="{B98B2F89-A368-AFA8-B6B0-FE91CCECEF4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1012798" y="5873623"/>
            <a:ext cx="2540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a472f0c373ad47f298a93e2abf4cf605_Title">
            <a:extLst>
              <a:ext uri="{FF2B5EF4-FFF2-40B4-BE49-F238E27FC236}">
                <a16:creationId xmlns:a16="http://schemas.microsoft.com/office/drawing/2014/main" id="{BBFBF758-352B-F746-C8B9-0227A90CC5C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0" y="2301748"/>
            <a:ext cx="584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6" dirty="0">
                <a:solidFill>
                  <a:srgbClr val="B20E12"/>
                </a:solidFill>
                <a:latin typeface="Arial" panose="020B0604020202020204" pitchFamily="34" charset="0"/>
              </a:rPr>
              <a:t>Clear site</a:t>
            </a:r>
          </a:p>
        </p:txBody>
      </p:sp>
      <p:sp>
        <p:nvSpPr>
          <p:cNvPr id="39" name="OTLSHAPE_T_01bb942b4bd448e8a92d2bce47980adc_Title">
            <a:extLst>
              <a:ext uri="{FF2B5EF4-FFF2-40B4-BE49-F238E27FC236}">
                <a16:creationId xmlns:a16="http://schemas.microsoft.com/office/drawing/2014/main" id="{060C216D-E91B-7CD6-5A40-F1C7C2D11B6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0" y="2511298"/>
            <a:ext cx="1231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6" dirty="0">
                <a:solidFill>
                  <a:srgbClr val="B20E12"/>
                </a:solidFill>
                <a:latin typeface="Arial" panose="020B0604020202020204" pitchFamily="34" charset="0"/>
              </a:rPr>
              <a:t>Conduct Earth Work</a:t>
            </a:r>
          </a:p>
        </p:txBody>
      </p:sp>
      <p:sp>
        <p:nvSpPr>
          <p:cNvPr id="47" name="OTLSHAPE_T_32b5bc16bea94cfaa6cec294b58af7d8_Title">
            <a:extLst>
              <a:ext uri="{FF2B5EF4-FFF2-40B4-BE49-F238E27FC236}">
                <a16:creationId xmlns:a16="http://schemas.microsoft.com/office/drawing/2014/main" id="{270719D1-DF37-FC97-8EAC-55EAD7B3F69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0" y="2720848"/>
            <a:ext cx="1054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6">
                <a:solidFill>
                  <a:srgbClr val="B20E12"/>
                </a:solidFill>
                <a:latin typeface="Arial" panose="020B0604020202020204" pitchFamily="34" charset="0"/>
              </a:rPr>
              <a:t>Mount Shuttering</a:t>
            </a:r>
          </a:p>
        </p:txBody>
      </p:sp>
      <p:sp>
        <p:nvSpPr>
          <p:cNvPr id="58" name="OTLSHAPE_T_719eab1e0c42462cb28deb4aafe3c0f6_Title">
            <a:extLst>
              <a:ext uri="{FF2B5EF4-FFF2-40B4-BE49-F238E27FC236}">
                <a16:creationId xmlns:a16="http://schemas.microsoft.com/office/drawing/2014/main" id="{99CD413D-2B15-8C96-356C-9FAAF602B89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0" y="2930398"/>
            <a:ext cx="1143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rgbClr val="B20E12"/>
                </a:solidFill>
                <a:latin typeface="Arial" panose="020B0604020202020204" pitchFamily="34" charset="0"/>
              </a:rPr>
              <a:t>Mount Steel Frame</a:t>
            </a:r>
          </a:p>
        </p:txBody>
      </p:sp>
      <p:sp>
        <p:nvSpPr>
          <p:cNvPr id="66" name="OTLSHAPE_T_3c50387847424d43b3124572a49e0694_Title">
            <a:extLst>
              <a:ext uri="{FF2B5EF4-FFF2-40B4-BE49-F238E27FC236}">
                <a16:creationId xmlns:a16="http://schemas.microsoft.com/office/drawing/2014/main" id="{25ECC5F6-6035-4991-8B35-D72991D14AD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0" y="3139948"/>
            <a:ext cx="876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6">
                <a:solidFill>
                  <a:srgbClr val="B20E12"/>
                </a:solidFill>
                <a:latin typeface="Arial" panose="020B0604020202020204" pitchFamily="34" charset="0"/>
              </a:rPr>
              <a:t>Pour Concrete</a:t>
            </a:r>
          </a:p>
        </p:txBody>
      </p:sp>
      <p:sp>
        <p:nvSpPr>
          <p:cNvPr id="74" name="OTLSHAPE_T_4c31515da6e040539ca811bc3602fa5b_Title">
            <a:extLst>
              <a:ext uri="{FF2B5EF4-FFF2-40B4-BE49-F238E27FC236}">
                <a16:creationId xmlns:a16="http://schemas.microsoft.com/office/drawing/2014/main" id="{EEFF2701-8B39-CBAB-128D-82C16B074DA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0" y="3349498"/>
            <a:ext cx="1054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6">
                <a:solidFill>
                  <a:srgbClr val="B20E12"/>
                </a:solidFill>
                <a:latin typeface="Arial" panose="020B0604020202020204" pitchFamily="34" charset="0"/>
              </a:rPr>
              <a:t>Build Foundation</a:t>
            </a:r>
          </a:p>
        </p:txBody>
      </p:sp>
      <p:sp>
        <p:nvSpPr>
          <p:cNvPr id="82" name="OTLSHAPE_T_2b1bb91e331d42f7a21824011ce02700_Title">
            <a:extLst>
              <a:ext uri="{FF2B5EF4-FFF2-40B4-BE49-F238E27FC236}">
                <a16:creationId xmlns:a16="http://schemas.microsoft.com/office/drawing/2014/main" id="{1AAF0646-1436-BD41-4707-9337F393775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0" y="3559048"/>
            <a:ext cx="1346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B20E12"/>
                </a:solidFill>
                <a:latin typeface="Arial" panose="020B0604020202020204" pitchFamily="34" charset="0"/>
              </a:rPr>
              <a:t>Install Rough Framing</a:t>
            </a:r>
          </a:p>
        </p:txBody>
      </p:sp>
      <p:sp>
        <p:nvSpPr>
          <p:cNvPr id="90" name="OTLSHAPE_T_52542831be3542559b5ea045113be903_Title">
            <a:extLst>
              <a:ext uri="{FF2B5EF4-FFF2-40B4-BE49-F238E27FC236}">
                <a16:creationId xmlns:a16="http://schemas.microsoft.com/office/drawing/2014/main" id="{74682790-D500-56BD-2F29-5BD764E1059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0" y="3768598"/>
            <a:ext cx="622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B20E12"/>
                </a:solidFill>
                <a:latin typeface="Arial" panose="020B0604020202020204" pitchFamily="34" charset="0"/>
              </a:rPr>
              <a:t>Sheathing</a:t>
            </a:r>
          </a:p>
        </p:txBody>
      </p:sp>
      <p:sp>
        <p:nvSpPr>
          <p:cNvPr id="98" name="OTLSHAPE_T_7308986873854c2fba6613ced8878c7d_Title">
            <a:extLst>
              <a:ext uri="{FF2B5EF4-FFF2-40B4-BE49-F238E27FC236}">
                <a16:creationId xmlns:a16="http://schemas.microsoft.com/office/drawing/2014/main" id="{32B8F1E8-2282-D395-5E7C-7621B0429F3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0" y="3978148"/>
            <a:ext cx="1041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Arial" panose="020B0604020202020204" pitchFamily="34" charset="0"/>
              </a:rPr>
              <a:t>Set Roof Trusses</a:t>
            </a:r>
          </a:p>
        </p:txBody>
      </p:sp>
      <p:sp>
        <p:nvSpPr>
          <p:cNvPr id="106" name="OTLSHAPE_T_7f44d70b02db4d79aca7fa5b41d7445a_Title">
            <a:extLst>
              <a:ext uri="{FF2B5EF4-FFF2-40B4-BE49-F238E27FC236}">
                <a16:creationId xmlns:a16="http://schemas.microsoft.com/office/drawing/2014/main" id="{0416807B-298F-D2C9-EF07-3C20773F8AE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4187698"/>
            <a:ext cx="558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>
                <a:solidFill>
                  <a:schemeClr val="dk1"/>
                </a:solidFill>
                <a:latin typeface="Arial" panose="020B0604020202020204" pitchFamily="34" charset="0"/>
              </a:rPr>
              <a:t>Windows</a:t>
            </a:r>
          </a:p>
        </p:txBody>
      </p:sp>
      <p:sp>
        <p:nvSpPr>
          <p:cNvPr id="114" name="OTLSHAPE_T_228c12952c1742ef8d0fcb676d03c93b_Title">
            <a:extLst>
              <a:ext uri="{FF2B5EF4-FFF2-40B4-BE49-F238E27FC236}">
                <a16:creationId xmlns:a16="http://schemas.microsoft.com/office/drawing/2014/main" id="{32F9146F-9253-7F1E-6EE7-06F128BACF7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4397248"/>
            <a:ext cx="10414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Arial" panose="020B0604020202020204" pitchFamily="34" charset="0"/>
              </a:rPr>
              <a:t>Exterior Finishes</a:t>
            </a:r>
          </a:p>
        </p:txBody>
      </p:sp>
      <p:sp>
        <p:nvSpPr>
          <p:cNvPr id="122" name="OTLSHAPE_T_787f8421fbb248a3af3334e62b288801_Title">
            <a:extLst>
              <a:ext uri="{FF2B5EF4-FFF2-40B4-BE49-F238E27FC236}">
                <a16:creationId xmlns:a16="http://schemas.microsoft.com/office/drawing/2014/main" id="{C3984043-BB5D-F0D2-5454-C91EC58EA1F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0" y="4606798"/>
            <a:ext cx="355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32" dirty="0">
                <a:solidFill>
                  <a:srgbClr val="B20E12"/>
                </a:solidFill>
                <a:latin typeface="Arial" panose="020B0604020202020204" pitchFamily="34" charset="0"/>
              </a:rPr>
              <a:t>HVAC</a:t>
            </a:r>
          </a:p>
        </p:txBody>
      </p:sp>
      <p:sp>
        <p:nvSpPr>
          <p:cNvPr id="130" name="OTLSHAPE_T_c0e64bb62e2a4439b4d87a7c63510b8f_Title">
            <a:extLst>
              <a:ext uri="{FF2B5EF4-FFF2-40B4-BE49-F238E27FC236}">
                <a16:creationId xmlns:a16="http://schemas.microsoft.com/office/drawing/2014/main" id="{386E8EF8-4F24-E7A8-1806-5F20E344C57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0" y="4816348"/>
            <a:ext cx="469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Arial" panose="020B0604020202020204" pitchFamily="34" charset="0"/>
              </a:rPr>
              <a:t>Electric</a:t>
            </a:r>
          </a:p>
        </p:txBody>
      </p:sp>
      <p:sp>
        <p:nvSpPr>
          <p:cNvPr id="138" name="OTLSHAPE_T_8461dce0bb36455fb16680c89e12df39_Title">
            <a:extLst>
              <a:ext uri="{FF2B5EF4-FFF2-40B4-BE49-F238E27FC236}">
                <a16:creationId xmlns:a16="http://schemas.microsoft.com/office/drawing/2014/main" id="{165604CA-B1D3-93DD-BA56-16BC679AE74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0" y="5025898"/>
            <a:ext cx="584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Arial" panose="020B0604020202020204" pitchFamily="34" charset="0"/>
              </a:rPr>
              <a:t>Plumbing</a:t>
            </a:r>
          </a:p>
        </p:txBody>
      </p:sp>
      <p:sp>
        <p:nvSpPr>
          <p:cNvPr id="146" name="OTLSHAPE_T_d3696bdafa084fffa92076f16c0cdc1c_Title">
            <a:extLst>
              <a:ext uri="{FF2B5EF4-FFF2-40B4-BE49-F238E27FC236}">
                <a16:creationId xmlns:a16="http://schemas.microsoft.com/office/drawing/2014/main" id="{5E773FDD-A080-B3CC-47E5-A671282C73E2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0" y="5235448"/>
            <a:ext cx="889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B20E12"/>
                </a:solidFill>
                <a:latin typeface="Arial" panose="020B0604020202020204" pitchFamily="34" charset="0"/>
              </a:rPr>
              <a:t>Install Roofing</a:t>
            </a:r>
          </a:p>
        </p:txBody>
      </p:sp>
      <p:sp>
        <p:nvSpPr>
          <p:cNvPr id="154" name="OTLSHAPE_T_2702c474839d4bdcbe4a65a3cb662fa9_Title">
            <a:extLst>
              <a:ext uri="{FF2B5EF4-FFF2-40B4-BE49-F238E27FC236}">
                <a16:creationId xmlns:a16="http://schemas.microsoft.com/office/drawing/2014/main" id="{9BD3B2E0-0B68-3923-E4FE-4B8B5E4542E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0" y="5444998"/>
            <a:ext cx="457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B20E12"/>
                </a:solidFill>
                <a:latin typeface="Arial" panose="020B0604020202020204" pitchFamily="34" charset="0"/>
              </a:rPr>
              <a:t>Drywall</a:t>
            </a:r>
          </a:p>
        </p:txBody>
      </p:sp>
      <p:sp>
        <p:nvSpPr>
          <p:cNvPr id="162" name="OTLSHAPE_T_e1bf5b9c320a45cfafceb0f87eacd3e9_Title">
            <a:extLst>
              <a:ext uri="{FF2B5EF4-FFF2-40B4-BE49-F238E27FC236}">
                <a16:creationId xmlns:a16="http://schemas.microsoft.com/office/drawing/2014/main" id="{6C902CCF-9877-C905-E046-4306CCF1364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0" y="5654548"/>
            <a:ext cx="990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B20E12"/>
                </a:solidFill>
                <a:latin typeface="Arial" panose="020B0604020202020204" pitchFamily="34" charset="0"/>
              </a:rPr>
              <a:t>Interior Finishes</a:t>
            </a:r>
          </a:p>
        </p:txBody>
      </p:sp>
      <p:sp>
        <p:nvSpPr>
          <p:cNvPr id="170" name="OTLSHAPE_T_acdf11cc8dc945cb910b646634434c0c_Title">
            <a:extLst>
              <a:ext uri="{FF2B5EF4-FFF2-40B4-BE49-F238E27FC236}">
                <a16:creationId xmlns:a16="http://schemas.microsoft.com/office/drawing/2014/main" id="{F7921D68-739D-3654-C72C-EC774C90A95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5864098"/>
            <a:ext cx="1143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B20E12"/>
                </a:solidFill>
                <a:latin typeface="Arial" panose="020B0604020202020204" pitchFamily="34" charset="0"/>
              </a:rPr>
              <a:t>Final Walkthrough </a:t>
            </a:r>
          </a:p>
        </p:txBody>
      </p:sp>
      <p:sp>
        <p:nvSpPr>
          <p:cNvPr id="50" name="OTLSHAPE_M_242c9db3f4084fca8b021a075c829a3c_Shape">
            <a:extLst>
              <a:ext uri="{FF2B5EF4-FFF2-40B4-BE49-F238E27FC236}">
                <a16:creationId xmlns:a16="http://schemas.microsoft.com/office/drawing/2014/main" id="{C0D0DB70-108B-BC46-FC28-BA638E06E700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1144167" y="15240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M_b49ee9b80db74614a75c91b4879c15b3_Shape">
            <a:extLst>
              <a:ext uri="{FF2B5EF4-FFF2-40B4-BE49-F238E27FC236}">
                <a16:creationId xmlns:a16="http://schemas.microsoft.com/office/drawing/2014/main" id="{0AA0291F-96AD-9A38-296B-0FF4A80C998B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064734" y="152400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M_b49ee9b80db74614a75c91b4879c15b3_Title">
            <a:extLst>
              <a:ext uri="{FF2B5EF4-FFF2-40B4-BE49-F238E27FC236}">
                <a16:creationId xmlns:a16="http://schemas.microsoft.com/office/drawing/2014/main" id="{6E7BB99E-6F94-E184-5CC7-46279B8E32B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72067" y="1352550"/>
            <a:ext cx="419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6" dirty="0">
                <a:solidFill>
                  <a:srgbClr val="B20E12"/>
                </a:solidFill>
                <a:latin typeface="Arial" panose="020B0604020202020204" pitchFamily="34" charset="0"/>
              </a:rPr>
              <a:t>START</a:t>
            </a:r>
          </a:p>
        </p:txBody>
      </p:sp>
      <p:sp>
        <p:nvSpPr>
          <p:cNvPr id="48" name="OTLSHAPE_M_242c9db3f4084fca8b021a075c829a3c_Title">
            <a:extLst>
              <a:ext uri="{FF2B5EF4-FFF2-40B4-BE49-F238E27FC236}">
                <a16:creationId xmlns:a16="http://schemas.microsoft.com/office/drawing/2014/main" id="{0C883AA8-13AD-38DE-92F7-74D85355B07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1050314" y="1343575"/>
            <a:ext cx="419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2" dirty="0">
                <a:solidFill>
                  <a:srgbClr val="B20E12"/>
                </a:solidFill>
                <a:latin typeface="Arial" panose="020B0604020202020204" pitchFamily="34" charset="0"/>
              </a:rPr>
              <a:t>FINISH</a:t>
            </a:r>
          </a:p>
        </p:txBody>
      </p:sp>
      <p:sp>
        <p:nvSpPr>
          <p:cNvPr id="290" name="OTLSHAPE_D_a90de0c73c0b424ab1a3029b33a6a1c3_Line">
            <a:extLst>
              <a:ext uri="{FF2B5EF4-FFF2-40B4-BE49-F238E27FC236}">
                <a16:creationId xmlns:a16="http://schemas.microsoft.com/office/drawing/2014/main" id="{B0100F78-1A79-15A8-BA69-0268746F7475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1075861" y="1778000"/>
            <a:ext cx="103345" cy="596774"/>
          </a:xfrm>
          <a:custGeom>
            <a:avLst/>
            <a:gdLst/>
            <a:ahLst/>
            <a:cxnLst/>
            <a:rect l="0" t="0" r="0" b="0"/>
            <a:pathLst>
              <a:path w="103345" h="596774">
                <a:moveTo>
                  <a:pt x="103173" y="0"/>
                </a:moveTo>
                <a:lnTo>
                  <a:pt x="103173" y="25400"/>
                </a:lnTo>
                <a:lnTo>
                  <a:pt x="0" y="25400"/>
                </a:lnTo>
                <a:lnTo>
                  <a:pt x="0" y="596773"/>
                </a:lnTo>
                <a:lnTo>
                  <a:pt x="103344" y="59677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D_516894e3bb0e48bbaa408c09ff578b6b_Line">
            <a:extLst>
              <a:ext uri="{FF2B5EF4-FFF2-40B4-BE49-F238E27FC236}">
                <a16:creationId xmlns:a16="http://schemas.microsoft.com/office/drawing/2014/main" id="{92C3AD39-B9ED-10EA-9EE2-022F34E7EED5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1567541" y="2374773"/>
            <a:ext cx="160324" cy="209551"/>
          </a:xfrm>
          <a:custGeom>
            <a:avLst/>
            <a:gdLst/>
            <a:ahLst/>
            <a:cxnLst/>
            <a:rect l="0" t="0" r="0" b="0"/>
            <a:pathLst>
              <a:path w="160324" h="2095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209550"/>
                </a:lnTo>
                <a:lnTo>
                  <a:pt x="103344" y="2095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D_2fed3c41a8404da49f547983f57637c3_Line">
            <a:extLst>
              <a:ext uri="{FF2B5EF4-FFF2-40B4-BE49-F238E27FC236}">
                <a16:creationId xmlns:a16="http://schemas.microsoft.com/office/drawing/2014/main" id="{F4D901C2-3855-22FE-BFA6-782AC22ADA86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2796740" y="2584323"/>
            <a:ext cx="160324" cy="209551"/>
          </a:xfrm>
          <a:custGeom>
            <a:avLst/>
            <a:gdLst/>
            <a:ahLst/>
            <a:cxnLst/>
            <a:rect l="0" t="0" r="0" b="0"/>
            <a:pathLst>
              <a:path w="160324" h="2095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209550"/>
                </a:lnTo>
                <a:lnTo>
                  <a:pt x="103344" y="2095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D_43e78cc1c7c0441db127756931c5cbe3_Line">
            <a:extLst>
              <a:ext uri="{FF2B5EF4-FFF2-40B4-BE49-F238E27FC236}">
                <a16:creationId xmlns:a16="http://schemas.microsoft.com/office/drawing/2014/main" id="{AC14A44F-5182-8A6A-7F0D-D405DC1768C7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2899913" y="2584323"/>
            <a:ext cx="491852" cy="419101"/>
          </a:xfrm>
          <a:custGeom>
            <a:avLst/>
            <a:gdLst/>
            <a:ahLst/>
            <a:cxnLst/>
            <a:rect l="0" t="0" r="0" b="0"/>
            <a:pathLst>
              <a:path w="491852" h="419101">
                <a:moveTo>
                  <a:pt x="0" y="0"/>
                </a:moveTo>
                <a:lnTo>
                  <a:pt x="57150" y="0"/>
                </a:lnTo>
                <a:lnTo>
                  <a:pt x="57150" y="419100"/>
                </a:lnTo>
                <a:lnTo>
                  <a:pt x="491851" y="4191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D_d4b94cd02078472ea2c757a311f260d9_Line">
            <a:extLst>
              <a:ext uri="{FF2B5EF4-FFF2-40B4-BE49-F238E27FC236}">
                <a16:creationId xmlns:a16="http://schemas.microsoft.com/office/drawing/2014/main" id="{4ECC929C-84EF-6501-7EBD-E2A45C4207DA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3288420" y="2793873"/>
            <a:ext cx="160324" cy="209551"/>
          </a:xfrm>
          <a:custGeom>
            <a:avLst/>
            <a:gdLst/>
            <a:ahLst/>
            <a:cxnLst/>
            <a:rect l="0" t="0" r="0" b="0"/>
            <a:pathLst>
              <a:path w="160324" h="2095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209550"/>
                </a:lnTo>
                <a:lnTo>
                  <a:pt x="103344" y="2095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D_f7c3cb14a7774aaca696ab2a6f29e996_Line">
            <a:extLst>
              <a:ext uri="{FF2B5EF4-FFF2-40B4-BE49-F238E27FC236}">
                <a16:creationId xmlns:a16="http://schemas.microsoft.com/office/drawing/2014/main" id="{F9EE5EF1-0D06-C78D-9AF7-8C3932A7895D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2796740" y="2584323"/>
            <a:ext cx="160324" cy="628651"/>
          </a:xfrm>
          <a:custGeom>
            <a:avLst/>
            <a:gdLst/>
            <a:ahLst/>
            <a:cxnLst/>
            <a:rect l="0" t="0" r="0" b="0"/>
            <a:pathLst>
              <a:path w="160324" h="6286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628650"/>
                </a:lnTo>
                <a:lnTo>
                  <a:pt x="103344" y="6286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D_7f64d92c066d4049bba2760bf76b39a6_Line">
            <a:extLst>
              <a:ext uri="{FF2B5EF4-FFF2-40B4-BE49-F238E27FC236}">
                <a16:creationId xmlns:a16="http://schemas.microsoft.com/office/drawing/2014/main" id="{E3F41BEF-E2E1-91B0-BC85-44CF23C2799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3288420" y="2793873"/>
            <a:ext cx="160324" cy="628651"/>
          </a:xfrm>
          <a:custGeom>
            <a:avLst/>
            <a:gdLst/>
            <a:ahLst/>
            <a:cxnLst/>
            <a:rect l="0" t="0" r="0" b="0"/>
            <a:pathLst>
              <a:path w="160324" h="6286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628650"/>
                </a:lnTo>
                <a:lnTo>
                  <a:pt x="103344" y="6286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D_7a5cca7c5b3343e7ac0676debbdf2174_Line">
            <a:extLst>
              <a:ext uri="{FF2B5EF4-FFF2-40B4-BE49-F238E27FC236}">
                <a16:creationId xmlns:a16="http://schemas.microsoft.com/office/drawing/2014/main" id="{A11E4AB5-B19D-C4E0-0B1F-3083EE9AAD48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4271779" y="3422523"/>
            <a:ext cx="160324" cy="209551"/>
          </a:xfrm>
          <a:custGeom>
            <a:avLst/>
            <a:gdLst/>
            <a:ahLst/>
            <a:cxnLst/>
            <a:rect l="0" t="0" r="0" b="0"/>
            <a:pathLst>
              <a:path w="160324" h="2095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209550"/>
                </a:lnTo>
                <a:lnTo>
                  <a:pt x="103344" y="2095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D_6762c71a05964e61b66f9bdafbc97d7c_Line">
            <a:extLst>
              <a:ext uri="{FF2B5EF4-FFF2-40B4-BE49-F238E27FC236}">
                <a16:creationId xmlns:a16="http://schemas.microsoft.com/office/drawing/2014/main" id="{33A15749-CCE3-FAB6-C275-1AAE0CF42BAD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5746818" y="3632073"/>
            <a:ext cx="160324" cy="209551"/>
          </a:xfrm>
          <a:custGeom>
            <a:avLst/>
            <a:gdLst/>
            <a:ahLst/>
            <a:cxnLst/>
            <a:rect l="0" t="0" r="0" b="0"/>
            <a:pathLst>
              <a:path w="160324" h="2095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209550"/>
                </a:lnTo>
                <a:lnTo>
                  <a:pt x="103344" y="2095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D_9aaff2b0096647348f910073c6179b1d_Line">
            <a:extLst>
              <a:ext uri="{FF2B5EF4-FFF2-40B4-BE49-F238E27FC236}">
                <a16:creationId xmlns:a16="http://schemas.microsoft.com/office/drawing/2014/main" id="{654640CE-C4C5-449A-85B9-1BEA6AD760A1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746818" y="3632073"/>
            <a:ext cx="160324" cy="1047751"/>
          </a:xfrm>
          <a:custGeom>
            <a:avLst/>
            <a:gdLst/>
            <a:ahLst/>
            <a:cxnLst/>
            <a:rect l="0" t="0" r="0" b="0"/>
            <a:pathLst>
              <a:path w="160324" h="10477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1047750"/>
                </a:lnTo>
                <a:lnTo>
                  <a:pt x="103344" y="10477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D_4c39c860cee64ec1908e07d9ac5bf3d0_Line">
            <a:extLst>
              <a:ext uri="{FF2B5EF4-FFF2-40B4-BE49-F238E27FC236}">
                <a16:creationId xmlns:a16="http://schemas.microsoft.com/office/drawing/2014/main" id="{29D63CD3-35CB-ED0C-E457-4E8F7EE454F2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7959376" y="4679823"/>
            <a:ext cx="160324" cy="628651"/>
          </a:xfrm>
          <a:custGeom>
            <a:avLst/>
            <a:gdLst/>
            <a:ahLst/>
            <a:cxnLst/>
            <a:rect l="0" t="0" r="0" b="0"/>
            <a:pathLst>
              <a:path w="160324" h="6286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628650"/>
                </a:lnTo>
                <a:lnTo>
                  <a:pt x="103344" y="6286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D_3b851762d0c2469d8f23b6fcb0a12f96_Line">
            <a:extLst>
              <a:ext uri="{FF2B5EF4-FFF2-40B4-BE49-F238E27FC236}">
                <a16:creationId xmlns:a16="http://schemas.microsoft.com/office/drawing/2014/main" id="{58049B2D-FC57-1E1C-FA74-22A9D9167278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7959376" y="4051173"/>
            <a:ext cx="160324" cy="1466851"/>
          </a:xfrm>
          <a:custGeom>
            <a:avLst/>
            <a:gdLst/>
            <a:ahLst/>
            <a:cxnLst/>
            <a:rect l="0" t="0" r="0" b="0"/>
            <a:pathLst>
              <a:path w="160324" h="14668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1466850"/>
                </a:lnTo>
                <a:lnTo>
                  <a:pt x="103344" y="14668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D_16bd9e6f305a4ed0957888aa98a445e8_Line">
            <a:extLst>
              <a:ext uri="{FF2B5EF4-FFF2-40B4-BE49-F238E27FC236}">
                <a16:creationId xmlns:a16="http://schemas.microsoft.com/office/drawing/2014/main" id="{22141466-DAE3-5DCF-6DD7-EDA76A9FA516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7959376" y="4260723"/>
            <a:ext cx="160324" cy="1257301"/>
          </a:xfrm>
          <a:custGeom>
            <a:avLst/>
            <a:gdLst/>
            <a:ahLst/>
            <a:cxnLst/>
            <a:rect l="0" t="0" r="0" b="0"/>
            <a:pathLst>
              <a:path w="160324" h="125730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1257300"/>
                </a:lnTo>
                <a:lnTo>
                  <a:pt x="103344" y="12573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" name="OTLSHAPE_D_8f7e3230670448ca870b04127b693c4c_Line">
            <a:extLst>
              <a:ext uri="{FF2B5EF4-FFF2-40B4-BE49-F238E27FC236}">
                <a16:creationId xmlns:a16="http://schemas.microsoft.com/office/drawing/2014/main" id="{0A0396A5-E0E8-EED1-588D-90381DACF735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7959376" y="4470273"/>
            <a:ext cx="160324" cy="1047751"/>
          </a:xfrm>
          <a:custGeom>
            <a:avLst/>
            <a:gdLst/>
            <a:ahLst/>
            <a:cxnLst/>
            <a:rect l="0" t="0" r="0" b="0"/>
            <a:pathLst>
              <a:path w="160324" h="10477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1047750"/>
                </a:lnTo>
                <a:lnTo>
                  <a:pt x="103344" y="10477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" name="OTLSHAPE_D_4433c42e37154a93a266672b70c6a016_Line">
            <a:extLst>
              <a:ext uri="{FF2B5EF4-FFF2-40B4-BE49-F238E27FC236}">
                <a16:creationId xmlns:a16="http://schemas.microsoft.com/office/drawing/2014/main" id="{6890D49C-646E-5D11-CDEB-9A955C9D5952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959376" y="4679823"/>
            <a:ext cx="160324" cy="838201"/>
          </a:xfrm>
          <a:custGeom>
            <a:avLst/>
            <a:gdLst/>
            <a:ahLst/>
            <a:cxnLst/>
            <a:rect l="0" t="0" r="0" b="0"/>
            <a:pathLst>
              <a:path w="160324" h="83820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838200"/>
                </a:lnTo>
                <a:lnTo>
                  <a:pt x="103344" y="8382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" name="OTLSHAPE_D_0b0b6e5dd8974d97b1f0e403689b1bb3_Line">
            <a:extLst>
              <a:ext uri="{FF2B5EF4-FFF2-40B4-BE49-F238E27FC236}">
                <a16:creationId xmlns:a16="http://schemas.microsoft.com/office/drawing/2014/main" id="{CFC292DE-88FB-3DBE-9056-70803217047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959376" y="4889373"/>
            <a:ext cx="160324" cy="628651"/>
          </a:xfrm>
          <a:custGeom>
            <a:avLst/>
            <a:gdLst/>
            <a:ahLst/>
            <a:cxnLst/>
            <a:rect l="0" t="0" r="0" b="0"/>
            <a:pathLst>
              <a:path w="160324" h="6286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628650"/>
                </a:lnTo>
                <a:lnTo>
                  <a:pt x="103344" y="6286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3" name="OTLSHAPE_D_bb9ad3697e29434f94dcce8f6935114a_Line">
            <a:extLst>
              <a:ext uri="{FF2B5EF4-FFF2-40B4-BE49-F238E27FC236}">
                <a16:creationId xmlns:a16="http://schemas.microsoft.com/office/drawing/2014/main" id="{4D9792A4-1576-8684-1192-98BAF8DE542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959376" y="5098923"/>
            <a:ext cx="160324" cy="419101"/>
          </a:xfrm>
          <a:custGeom>
            <a:avLst/>
            <a:gdLst/>
            <a:ahLst/>
            <a:cxnLst/>
            <a:rect l="0" t="0" r="0" b="0"/>
            <a:pathLst>
              <a:path w="160324" h="41910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419100"/>
                </a:lnTo>
                <a:lnTo>
                  <a:pt x="103344" y="4191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D_79d8cb8c1f54490791f83a7c3a0c98d8_Line">
            <a:extLst>
              <a:ext uri="{FF2B5EF4-FFF2-40B4-BE49-F238E27FC236}">
                <a16:creationId xmlns:a16="http://schemas.microsoft.com/office/drawing/2014/main" id="{01E6A3E0-AD7F-3ECA-119A-050D7DD935D6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8942736" y="5518023"/>
            <a:ext cx="160323" cy="209551"/>
          </a:xfrm>
          <a:custGeom>
            <a:avLst/>
            <a:gdLst/>
            <a:ahLst/>
            <a:cxnLst/>
            <a:rect l="0" t="0" r="0" b="0"/>
            <a:pathLst>
              <a:path w="160323" h="209551">
                <a:moveTo>
                  <a:pt x="103172" y="0"/>
                </a:moveTo>
                <a:lnTo>
                  <a:pt x="160322" y="0"/>
                </a:lnTo>
                <a:lnTo>
                  <a:pt x="160322" y="104775"/>
                </a:lnTo>
                <a:lnTo>
                  <a:pt x="0" y="104775"/>
                </a:lnTo>
                <a:lnTo>
                  <a:pt x="0" y="209550"/>
                </a:lnTo>
                <a:lnTo>
                  <a:pt x="103343" y="2095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5" name="OTLSHAPE_D_f73a627119f64c18b3cb74ebf07f9c68_Line">
            <a:extLst>
              <a:ext uri="{FF2B5EF4-FFF2-40B4-BE49-F238E27FC236}">
                <a16:creationId xmlns:a16="http://schemas.microsoft.com/office/drawing/2014/main" id="{B6F6BF01-2AA1-DD65-84D5-205F6AFC87BD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10909454" y="5727573"/>
            <a:ext cx="160324" cy="209551"/>
          </a:xfrm>
          <a:custGeom>
            <a:avLst/>
            <a:gdLst/>
            <a:ahLst/>
            <a:cxnLst/>
            <a:rect l="0" t="0" r="0" b="0"/>
            <a:pathLst>
              <a:path w="160324" h="2095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209550"/>
                </a:lnTo>
                <a:lnTo>
                  <a:pt x="103344" y="2095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" name="OTLSHAPE_D_ff1af6e3527741c68c722279f587be38_Line">
            <a:extLst>
              <a:ext uri="{FF2B5EF4-FFF2-40B4-BE49-F238E27FC236}">
                <a16:creationId xmlns:a16="http://schemas.microsoft.com/office/drawing/2014/main" id="{5F65C6BE-99AC-BBE8-9EF1-2D93B32C5930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1012627" y="1778000"/>
            <a:ext cx="245841" cy="3949574"/>
          </a:xfrm>
          <a:custGeom>
            <a:avLst/>
            <a:gdLst/>
            <a:ahLst/>
            <a:cxnLst/>
            <a:rect l="0" t="0" r="0" b="0"/>
            <a:pathLst>
              <a:path w="245841" h="3949574">
                <a:moveTo>
                  <a:pt x="0" y="3949573"/>
                </a:moveTo>
                <a:lnTo>
                  <a:pt x="245840" y="3949573"/>
                </a:lnTo>
                <a:lnTo>
                  <a:pt x="245840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D_07a3407e2a384250974f96542219d4a6_Line">
            <a:extLst>
              <a:ext uri="{FF2B5EF4-FFF2-40B4-BE49-F238E27FC236}">
                <a16:creationId xmlns:a16="http://schemas.microsoft.com/office/drawing/2014/main" id="{801EC2A8-E597-1331-7DDD-7C52A51C03CE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1258467" y="1778000"/>
            <a:ext cx="57151" cy="4159124"/>
          </a:xfrm>
          <a:custGeom>
            <a:avLst/>
            <a:gdLst/>
            <a:ahLst/>
            <a:cxnLst/>
            <a:rect l="0" t="0" r="0" b="0"/>
            <a:pathLst>
              <a:path w="57151" h="4159124">
                <a:moveTo>
                  <a:pt x="0" y="4159123"/>
                </a:moveTo>
                <a:lnTo>
                  <a:pt x="57150" y="4159123"/>
                </a:lnTo>
                <a:lnTo>
                  <a:pt x="57150" y="4054348"/>
                </a:lnTo>
                <a:lnTo>
                  <a:pt x="0" y="4054348"/>
                </a:lnTo>
                <a:lnTo>
                  <a:pt x="0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8" name="OTLSHAPE_D_4bd784f21a0e4bf48d3f54c178bfe779_Line">
            <a:extLst>
              <a:ext uri="{FF2B5EF4-FFF2-40B4-BE49-F238E27FC236}">
                <a16:creationId xmlns:a16="http://schemas.microsoft.com/office/drawing/2014/main" id="{372A7C38-83E5-8E6A-F040-795CF534CE27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5746818" y="3632073"/>
            <a:ext cx="160324" cy="419101"/>
          </a:xfrm>
          <a:custGeom>
            <a:avLst/>
            <a:gdLst/>
            <a:ahLst/>
            <a:cxnLst/>
            <a:rect l="0" t="0" r="0" b="0"/>
            <a:pathLst>
              <a:path w="160324" h="41910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419100"/>
                </a:lnTo>
                <a:lnTo>
                  <a:pt x="103344" y="4191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9" name="OTLSHAPE_D_64cc9a1d1e6e4185ad449a0bc51cb419_Line">
            <a:extLst>
              <a:ext uri="{FF2B5EF4-FFF2-40B4-BE49-F238E27FC236}">
                <a16:creationId xmlns:a16="http://schemas.microsoft.com/office/drawing/2014/main" id="{A36489F8-419A-D3E5-4F30-7EE0B516BA86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4271779" y="3422523"/>
            <a:ext cx="160324" cy="838201"/>
          </a:xfrm>
          <a:custGeom>
            <a:avLst/>
            <a:gdLst/>
            <a:ahLst/>
            <a:cxnLst/>
            <a:rect l="0" t="0" r="0" b="0"/>
            <a:pathLst>
              <a:path w="160324" h="83820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838200"/>
                </a:lnTo>
                <a:lnTo>
                  <a:pt x="103344" y="8382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" name="OTLSHAPE_D_b673f9c28d3c453ebf7a6f93869325da_Line">
            <a:extLst>
              <a:ext uri="{FF2B5EF4-FFF2-40B4-BE49-F238E27FC236}">
                <a16:creationId xmlns:a16="http://schemas.microsoft.com/office/drawing/2014/main" id="{4F0181F6-9F19-0741-1CAA-E2ADE5BCC028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4271779" y="3422523"/>
            <a:ext cx="160324" cy="1047751"/>
          </a:xfrm>
          <a:custGeom>
            <a:avLst/>
            <a:gdLst/>
            <a:ahLst/>
            <a:cxnLst/>
            <a:rect l="0" t="0" r="0" b="0"/>
            <a:pathLst>
              <a:path w="160324" h="10477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1047750"/>
                </a:lnTo>
                <a:lnTo>
                  <a:pt x="103344" y="10477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" name="OTLSHAPE_D_4fdd8652778d464eadb0ae42395f545f_Line">
            <a:extLst>
              <a:ext uri="{FF2B5EF4-FFF2-40B4-BE49-F238E27FC236}">
                <a16:creationId xmlns:a16="http://schemas.microsoft.com/office/drawing/2014/main" id="{25BAF9A6-C9D9-4367-4691-0703F6D4F295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5746818" y="3632073"/>
            <a:ext cx="160324" cy="1257301"/>
          </a:xfrm>
          <a:custGeom>
            <a:avLst/>
            <a:gdLst/>
            <a:ahLst/>
            <a:cxnLst/>
            <a:rect l="0" t="0" r="0" b="0"/>
            <a:pathLst>
              <a:path w="160324" h="125730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1257300"/>
                </a:lnTo>
                <a:lnTo>
                  <a:pt x="103344" y="12573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" name="OTLSHAPE_D_122fd74ec2584469835c2863836a9f57_Line">
            <a:extLst>
              <a:ext uri="{FF2B5EF4-FFF2-40B4-BE49-F238E27FC236}">
                <a16:creationId xmlns:a16="http://schemas.microsoft.com/office/drawing/2014/main" id="{B979145B-042E-C9EB-5CFD-1C929446DF35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5746818" y="3632073"/>
            <a:ext cx="160324" cy="1466851"/>
          </a:xfrm>
          <a:custGeom>
            <a:avLst/>
            <a:gdLst/>
            <a:ahLst/>
            <a:cxnLst/>
            <a:rect l="0" t="0" r="0" b="0"/>
            <a:pathLst>
              <a:path w="160324" h="1466851">
                <a:moveTo>
                  <a:pt x="103173" y="0"/>
                </a:moveTo>
                <a:lnTo>
                  <a:pt x="160323" y="0"/>
                </a:lnTo>
                <a:lnTo>
                  <a:pt x="160323" y="104775"/>
                </a:lnTo>
                <a:lnTo>
                  <a:pt x="0" y="104775"/>
                </a:lnTo>
                <a:lnTo>
                  <a:pt x="0" y="1466850"/>
                </a:lnTo>
                <a:lnTo>
                  <a:pt x="103344" y="146685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300" name="Table 300">
            <a:extLst>
              <a:ext uri="{FF2B5EF4-FFF2-40B4-BE49-F238E27FC236}">
                <a16:creationId xmlns:a16="http://schemas.microsoft.com/office/drawing/2014/main" id="{B117B98F-414E-E192-CD30-0A26BCF64B53}"/>
              </a:ext>
            </a:extLst>
          </p:cNvPr>
          <p:cNvGraphicFramePr>
            <a:graphicFrameLocks noGrp="1"/>
          </p:cNvGraphicFramePr>
          <p:nvPr/>
        </p:nvGraphicFramePr>
        <p:xfrm>
          <a:off x="10474346" y="2260784"/>
          <a:ext cx="726971" cy="806139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726971">
                  <a:extLst>
                    <a:ext uri="{9D8B030D-6E8A-4147-A177-3AD203B41FA5}">
                      <a16:colId xmlns:a16="http://schemas.microsoft.com/office/drawing/2014/main" val="3764175126"/>
                    </a:ext>
                  </a:extLst>
                </a:gridCol>
              </a:tblGrid>
              <a:tr h="268713">
                <a:tc>
                  <a:txBody>
                    <a:bodyPr/>
                    <a:lstStyle/>
                    <a:p>
                      <a:r>
                        <a:rPr lang="en-US" sz="1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ritica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10106228"/>
                  </a:ext>
                </a:extLst>
              </a:tr>
              <a:tr h="268713">
                <a:tc>
                  <a:txBody>
                    <a:bodyPr/>
                    <a:lstStyle/>
                    <a:p>
                      <a:r>
                        <a:rPr lang="en-US" sz="1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lexibl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4790217"/>
                  </a:ext>
                </a:extLst>
              </a:tr>
              <a:tr h="268713">
                <a:tc>
                  <a:txBody>
                    <a:bodyPr/>
                    <a:lstStyle/>
                    <a:p>
                      <a:r>
                        <a:rPr lang="en-US" sz="1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v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85601616"/>
                  </a:ext>
                </a:extLst>
              </a:tr>
            </a:tbl>
          </a:graphicData>
        </a:graphic>
      </p:graphicFrame>
      <p:grpSp>
        <p:nvGrpSpPr>
          <p:cNvPr id="304" name="Group 303">
            <a:extLst>
              <a:ext uri="{FF2B5EF4-FFF2-40B4-BE49-F238E27FC236}">
                <a16:creationId xmlns:a16="http://schemas.microsoft.com/office/drawing/2014/main" id="{A6DC32B3-29B6-2B51-D6D9-ECB3E10E49C4}"/>
              </a:ext>
            </a:extLst>
          </p:cNvPr>
          <p:cNvGrpSpPr/>
          <p:nvPr/>
        </p:nvGrpSpPr>
        <p:grpSpPr>
          <a:xfrm>
            <a:off x="10276325" y="2334197"/>
            <a:ext cx="201753" cy="677798"/>
            <a:chOff x="9820275" y="2315083"/>
            <a:chExt cx="201753" cy="677798"/>
          </a:xfrm>
        </p:grpSpPr>
        <p:sp>
          <p:nvSpPr>
            <p:cNvPr id="301" name="Rectangle 300">
              <a:extLst>
                <a:ext uri="{FF2B5EF4-FFF2-40B4-BE49-F238E27FC236}">
                  <a16:creationId xmlns:a16="http://schemas.microsoft.com/office/drawing/2014/main" id="{A12DDD18-9947-DA4C-D9BD-86EFD4187D13}"/>
                </a:ext>
              </a:extLst>
            </p:cNvPr>
            <p:cNvSpPr/>
            <p:nvPr/>
          </p:nvSpPr>
          <p:spPr>
            <a:xfrm>
              <a:off x="9820275" y="2315083"/>
              <a:ext cx="201753" cy="136525"/>
            </a:xfrm>
            <a:prstGeom prst="rect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2" name="Rectangle 301">
              <a:extLst>
                <a:ext uri="{FF2B5EF4-FFF2-40B4-BE49-F238E27FC236}">
                  <a16:creationId xmlns:a16="http://schemas.microsoft.com/office/drawing/2014/main" id="{9C1CBAB9-97CA-C344-5418-3DDC6DA3C669}"/>
                </a:ext>
              </a:extLst>
            </p:cNvPr>
            <p:cNvSpPr/>
            <p:nvPr/>
          </p:nvSpPr>
          <p:spPr>
            <a:xfrm>
              <a:off x="9820275" y="2572512"/>
              <a:ext cx="201753" cy="136525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3" name="Diamond 302">
              <a:extLst>
                <a:ext uri="{FF2B5EF4-FFF2-40B4-BE49-F238E27FC236}">
                  <a16:creationId xmlns:a16="http://schemas.microsoft.com/office/drawing/2014/main" id="{EC35E872-4B7A-7D70-0C4B-E82D543E0606}"/>
                </a:ext>
              </a:extLst>
            </p:cNvPr>
            <p:cNvSpPr/>
            <p:nvPr/>
          </p:nvSpPr>
          <p:spPr>
            <a:xfrm>
              <a:off x="9829711" y="2810001"/>
              <a:ext cx="182880" cy="182880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43" name="TextBox 342">
            <a:extLst>
              <a:ext uri="{FF2B5EF4-FFF2-40B4-BE49-F238E27FC236}">
                <a16:creationId xmlns:a16="http://schemas.microsoft.com/office/drawing/2014/main" id="{D452C1FB-1832-AB04-3BB9-C4977BA272BE}"/>
              </a:ext>
            </a:extLst>
          </p:cNvPr>
          <p:cNvSpPr txBox="1"/>
          <p:nvPr/>
        </p:nvSpPr>
        <p:spPr>
          <a:xfrm>
            <a:off x="933364" y="478564"/>
            <a:ext cx="1032510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800" dirty="0">
                <a:latin typeface="Arial" panose="020B0604020202020204" pitchFamily="34" charset="0"/>
                <a:cs typeface="Arial" panose="020B0604020202020204" pitchFamily="34" charset="0"/>
              </a:rPr>
              <a:t>Critical path construction schedule template</a:t>
            </a:r>
            <a:endParaRPr lang="en-US" sz="2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44" name="Picture 343" descr="Icon&#10;&#10;Description automatically generated">
            <a:extLst>
              <a:ext uri="{FF2B5EF4-FFF2-40B4-BE49-F238E27FC236}">
                <a16:creationId xmlns:a16="http://schemas.microsoft.com/office/drawing/2014/main" id="{D6EF2BFB-7AF1-AADC-7F66-E370147CCFFA}"/>
              </a:ext>
            </a:extLst>
          </p:cNvPr>
          <p:cNvPicPr>
            <a:picLocks noChangeAspect="1"/>
          </p:cNvPicPr>
          <p:nvPr/>
        </p:nvPicPr>
        <p:blipFill>
          <a:blip r:embed="rId10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91217" y="4766758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62814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wN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2MSIsIlRvcCI6MC4wLCJMZWZ0IjoyNS4wLCJSaWdodCI6MC4wLCJCb3R0b20iOjAuMH0sIlBhZGRpbmciOnsiJGlkIjoiNjIiLCJUb3AiOjAuMCwiTGVmdCI6MC4wLCJSaWdodCI6MC4wLCJCb3R0b20iOjAuMH0sIkJhY2tncm91bmQiOnsiJGlkIjoiNjMiLCJDb2xvciI6eyIkaWQiOiI2NCIsIkEiOjg5LCJSIjowLCJHIjowLCJCIjowfX0sIklzVmlzaWJsZSI6ZmFsc2UsIldpZHRoIjowLjAsIkhlaWdodCI6MC4wLCJCb3JkZXJTdHlsZSI6bnVsbCwiUGFyZW50U3R5bGUiOm51bGx9LCJUb2RheVRleHR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ODksIlIiOjAsIkciOjAsIkIiOjB9fSwiSXNWaXNpYmxlIjp0cnVlLCJXaWR0aCI6MC4wLCJIZWlnaHQiOjAuMCwiQm9yZGVyU3R5bGUiOm51bGwsIlBhcmVudFN0eWxlIjpudWxsfSwiRGF0ZUZvcm1hdCI6eyIkaWQiOiIxM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aWQiOiIxNDgiLCJBIjo4OSwiUiI6MCwiRyI6MCwiQiI6MH19LCJJc1Zpc2libGUiOnRydWUsIldpZHRoIjowLjAsIkhlaWdodCI6MC4wLCJCb3JkZXJTdHlsZSI6bnVsbCwiUGFyZW50U3R5bGUiOm51bGx9LCJEdXJhdGlvblN0eWxlIjp7IiRpZCI6IjE0OSIsIkZvbnRTZXR0aW5ncyI6eyIkaWQiOiIxNTAiLCJGb250U2l6ZSI6MTAsIkZvbnROYW1lIjoiQ2FsaWJyaSIsIklzQm9sZCI6ZmFsc2UsIklzSXRhbGljIjpmYWxzZSwiSXNVbmRlcmxpbmVkIjpmYWxzZSwiUGFyZW50U3R5bGUiOm51bGx9LCJBdXRvU2l6ZSI6MCwiRm9yZWdyb3VuZCI6eyIkaWQiOiIxNTEiLCJDb2xvciI6eyIkaWQiOiIx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zIiwiVG9wIjowLjAsIkxlZnQiOjAuMCwiUmlnaHQiOjAuMCwiQm90dG9tIjowLjB9LCJQYWRkaW5nIjp7IiRpZCI6IjE4NCIsIlRvcCI6MC4wLCJMZWZ0IjowLjAsIlJpZ2h0IjowLjAsIkJvdHRvbSI6MC4wfSwiQmFja2dyb3VuZCI6eyIkaWQiOiIxODUiLCJDb2xvciI6eyIkaWQiOiIxODYiLCJBIjo4OSwiUiI6MCwiRyI6MCwiQiI6MH19LCJJc1Zpc2libGUiOnRydWUsIldpZHRoIjowLjAsIkhlaWdodCI6MC4wLCJCb3JkZXJTdHlsZSI6bnVsbCwiUGFyZW50U3R5bGUiOm51bGx9LCJEYXRlRm9ybWF0Ijp7IiRpZCI6IjE4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OCIsIkRhdGVQYXJ0SXNWaXNpYmxlIjpmYWxzZSwiVGltZVBhcnRJc1Zpc2libGUiOmZhbHNlfX0sIldlZWtOdW1iZXJpbmciOnsiJGlkIjoiMTg5IiwiRm9ybWF0IjowLCJJc1Zpc2libGUiOmZhbHNlLCJMYXN0S25vd25WaXNpYmlsaXR5U3RhdGUiOmZhbHNlfSwiSXNWaXNpYmxlIjp0cnVlLCJQYXJlbnRTdHlsZSI6bnVsbCwiX2V4cGxpY2l0bHlTZXQiOnsiJGlkIjoiMTk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GlkIjoiMjQwIiwiQ29sb3IiOnsiJGlkIjoiMjQxIiwiQSI6MCwiUiI6MjU1LCJHIjoyNTUsIkIiOjI1NX19LCJJc1Zpc2libGUiOmZhbHNlLCJXaWR0aCI6MC4wLCJIZWlnaHQiOjAuMCwiQm9yZGVyU3R5bGUiOnsiJGlkIjoiMjQyIiwiTGluZUNvbG9yIjpudWxsLCJMaW5lV2VpZ2h0IjowLjAsIkxpbmVUeXBlIjowLCJQYXJlbnRTdHlsZSI6bnVsbH0sIlBhcmVudFN0eWxlIjpudWxsfSwiRGF0ZUZvcm1hdCI6eyIkaWQiOiIyN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udWxsfSwiRGF0ZUZvcm1hdCI6eyIkaWQiOiIzM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wMCIsIlRvcCI6MC4wLCJMZWZ0IjowLjAsIlJpZ2h0IjowLjAsIkJvdHRvbSI6MC4wfSwiUGFkZGluZyI6eyIkaWQiOiI1MDEiLCJUb3AiOjAuMCwiTGVmdCI6MC4wLCJSaWdodCI6MC4wLCJCb3R0b20iOjAuMH0sIkJhY2tncm91bmQiOnsiJGlkIjoiNTAyIiwiQ29sb3IiOnsiJGlkIjoiNTAzIiwiQSI6ODksIlIiOjAsIkciOjAsIkIiOjB9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EwLCJGb250TmFtZSI6IkNhbGlicmkiLCJJc0JvbGQiOmZhbHNlLCJJc0l0YWxpYyI6ZmFsc2UsIklzVW5kZXJsaW5lZCI6ZmFsc2UsIlBhcmVudFN0eWxlIjpudWxsfSwiQXV0b1NpemUiOjAsIkZvcmVncm91bmQiOnsiJGlkIjoiNTA3IiwiQ29sb3IiOnsiJGlkIjoiNTA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UiLCJUb3AiOjAuMCwiTGVmdCI6MC4wLCJSaWdodCI6MC4wLCJCb3R0b20iOjAuMH0sIlBhZGRpbmciOnsiJGlkIjoiNjQ2IiwiVG9wIjowLjAsIkxlZnQiOjAuMCwiUmlnaHQiOjAuMCwiQm90dG9tIjowLjB9LCJCYWNrZ3JvdW5kIjp7IiRpZCI6IjY0NyIsIkNvbG9yIjp7IiRpZCI6IjY0OCIsIkEiOjg5LCJSIjowLCJHIjowLCJCIjowfX0sIklzVmlzaWJsZSI6dHJ1ZSwiV2lkdGgiOjAuMCwiSGVpZ2h0IjowLjAsIkJvcmRlclN0eWxlIjp7IiRpZCI6IjY0OSIsIkxpbmVDb2xvciI6bnVsbCwiTGluZVdlaWdodCI6MC4wLCJMaW5lVHlwZSI6MCwiUGFyZW50U3R5bGUiOm51bGx9LCJQYXJlbnRTdHlsZSI6bnVsbH0sIkRhdGVGb3JtYXQiOnsiJGlkIjoiNjU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NjgxIiwiTWFyZ2luIjp7IiRpZCI6IjY4MiIsIlRvcCI6MC4wLCJMZWZ0Ijo0LjAsIlJpZ2h0Ijo0LjAsIkJvdHRvbSI6MC4wfSwiUGFkZGluZyI6eyIkaWQiOiI2ODMiLCJUb3AiOjAuMCwiTGVmdCI6MC4wLCJSaWdodCI6MC4wLCJCb3R0b20iOjAuMH0sIkJhY2tncm91bmQiOnsiJGlkIjoiNjg0IiwiQ29sb3IiOnsiJGlkIjoiNjg1IiwiQSI6MjU1LCJSIjoyMzQsIkciOjIyLCJCIjozMH19LCJJc1Zpc2libGUiOnRydWUsIldpZHRoIjowLjAsIkhlaWdodCI6MT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VGl0bGVTdHlsZSI6eyIkaWQiOiI2ODkiLCJGb250U2V0dGluZ3MiOnsiJGlkIjoiNjkwIiwiRm9udFNpemUiOjEwLCJGb250TmFtZSI6IkFyaWFsIiwiSXNCb2xkIjp0cnVlLCJJc0l0YWxpYyI6ZmFsc2UsIklzVW5kZXJsaW5lZCI6ZmFsc2UsIlBhcmVudFN0eWxlIjpudWxsfSwiQXV0b1NpemUiOjAsIkZvcmVncm91bmQiOnsiJGlkIjoiNjkxIiwiQ29sb3IiOnsiJGlkIjoiNjky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yIiwiVG9wIjowLjAsIkxlZnQiOjAuMCwiUmlnaHQiOjAuMCwiQm90dG9tIjowLjB9LCJQYWRkaW5nIjp7IiRpZCI6IjcwMyIsIlRvcCI6MC4wLCJMZWZ0IjowLjAsIlJpZ2h0IjowLjAsIkJvdHRvbSI6MC4wfSwiQmFja2dyb3VuZCI6eyIkaWQiOiI3MDQiLCJDb2xvciI6eyIkaWQiOiI3MDUiLCJBIjo4OSwiUiI6MCwiRyI6MCwiQiI6MH19LCJJc1Zpc2libGUiOnRydWUsIldpZHRoIjowLjAsIkhlaWdodCI6MC4wLCJCb3JkZXJTdHlsZSI6eyIkaWQiOiI3MDYiLCJMaW5lQ29sb3IiOm51bGwsIkxpbmVXZWlnaHQiOjAuMCwiTGluZVR5cGUiOjAsIlBhcmVudFN0eWxlIjpudWxsfSwiUGFyZW50U3R5bGUiOm51bGx9LCJEYXRlRm9ybWF0Ijp7IiRpZCI6Ijcw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GlkIjoiNzYxIiwiQ29sb3IiOnsiJGlkIjoiNzYyIiwiQSI6ODksIlIiOjAsIkciOjAsIkIiOjB9fSwiSXNWaXNpYmxlIjp0cnVlLCJXaWR0aCI6MC4wLCJIZWlnaHQiOjAuMCwiQm9yZGVyU3R5bGUiOnsiJGlkIjoiNzYzIiwiTGluZUNvbG9yIjpudWxsLCJMaW5lV2VpZ2h0IjowLjAsIkxpbmVUeXBlIjowLCJQYXJlbnRTdHlsZSI6bnVsbH0sIlBhcmVudFN0eWxlIjpudWxsfSwiRGF0ZUZvcm1hdCI6eyIkaWQiOiI3N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0IiwiVG9wIjowLjAsIkxlZnQiOjAuMCwiUmlnaHQiOjAuMCwiQm90dG9tIjowLjB9LCJQYWRkaW5nIjp7IiRpZCI6Ijc4NSIsIlRvcCI6MC4wLCJMZWZ0IjowLjAsIlJpZ2h0IjowLjAsIkJvdHRvbSI6MC4wfSwiQmFja2dyb3VuZCI6eyIkaWQiOiI3ODYiLCJDb2xvciI6eyIkaWQiOiI3ODciLCJBIjo4OSwiUiI6MCwiRyI6MCwiQiI6MH1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pZCI6Ijc5MCIsIiR0eXBlIjoiTkxSRS5Db21tb24uRG9tLlNvbGlkQ29sb3JCcnVzaCwgTkxSRS5Db21tb24iLCJDb2xvciI6eyIkaWQiOiI3OTEiLCJBIjoyNTUsIlIiOjIwNCwiRyI6MjA0LCJCIjoyMDR9fSwiTGluZVdlaWdodCI6MS4wLCJMaW5lVHlwZSI6MCwiUGFyZW50U3R5bGUiOm51bGx9LCJWZXJ0aWNhbENvbm5lY3RvclN0eWxlIjp7IiRpZCI6Ijc5MiIsIkxpbmVDb2xvciI6eyIkaWQiOiI3OTMiLCIkdHlwZSI6Ik5MUkUuQ29tbW9uLkRvbS5Tb2xpZENvbG9yQnJ1c2gsIE5MUkUuQ29tbW9uIiwiQ29sb3IiOnsiJGlkIjoiNzk0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DciLCJUb3AiOjAuMCwiTGVmdCI6MC4wLCJSaWdodCI6MC4wLCJCb3R0b20iOjAuMH0sIlBhZGRpbmciOnsiJGlkIjoiODA4IiwiVG9wIjowLjAsIkxlZnQiOjAuMCwiUmlnaHQiOjAuMCwiQm90dG9tIjowLjB9LCJCYWNrZ3JvdW5kIjp7IiRpZCI6IjgwOSIsIkNvbG9yIjp7IiRpZCI6IjgxMCIsIkEiOjAsIlIiOjI1NSwiRyI6MjU1LCJCIjoyNTV9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OSwiRm9udE5hbWUiOiJDYWxpYnJpIiwiSXNCb2xkIjpmYWxzZSwiSXNJdGFsaWMiOmZhbHNlLCJJc1VuZGVybGluZWQiOmZhbHNlLCJQYXJlbnRTdHlsZSI6bnVsbH0sIkF1dG9TaXplIjowLCJGb3JlZ3JvdW5kIjp7IiRpZCI6IjgxNCIsIkNvbG9yIjp7IiRpZCI6Ijg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2IiwiVG9wIjowLjAsIkxlZnQiOjAuMCwiUmlnaHQiOjAuMCwiQm90dG9tIjowLjB9LCJQYWRkaW5nIjp7IiRpZCI6IjgxNyIsIlRvcCI6MC4wLCJMZWZ0IjowLjAsIlJpZ2h0IjowLjAsIkJvdHRvbSI6MC4wfSwiQmFja2dyb3VuZCI6eyIkaWQiOiI4MTgiLCJDb2xvciI6eyIkaWQiOiI4MTkiLCJBIjo4OSwiUiI6MCwiRyI6MCwiQiI6MH19LCJJc1Zpc2libGUiOnRydWUsIldpZHRoIjowLjAsIkhlaWdodCI6MC4wLCJCb3JkZXJTdHlsZSI6eyIkaWQiOiI4MjAiLCJMaW5lQ29sb3IiOm51bGwsIkxpbmVXZWlnaHQiOjAuMCwiTGluZVR5cGUiOjAsIlBhcmVudFN0eWxlIjpudWxsfSwiUGFyZW50U3R5bGUiOm51bGx9LCJEYXRlRm9ybWF0Ijp7IiRpZCI6Ijgy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UsIklzQmVsb3dUaW1lYmFuZCI6dHJ1ZSwiUGVyY2VudGFnZUNvbXBsZXRlU2hhcGVPcGFjaXR5IjozNSwiU2hhcGVTdHlsZSI6eyIkaWQiOiI4NTIiLCJNYXJnaW4iOnsiJGlkIjoiODUzIiwiVG9wIjowLjAsIkxlZnQiOjQuMCwiUmlnaHQiOjQuMCwiQm90dG9tIjowLjB9LCJQYWRkaW5nIjp7IiRpZCI6Ijg1NCIsIlRvcCI6MC4wLCJMZWZ0IjowLjAsIlJpZ2h0IjowLjAsIkJvdHRvbSI6MC4wfSwiQmFja2dyb3VuZCI6eyIkaWQiOiI4NTUiLCJDb2xvciI6eyIkaWQiOiI4NTYiLCJBIjoyNTUsIlIiOjE1MCwiRyI6MjE0LCJCIjo2Nn19LCJJc1Zpc2libGUiOnRydWUsIldpZHRoIjowLjAsIkhlaWdodCI6MT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VGl0bGVTdHlsZSI6eyIkaWQiOiI4NjAiLCJGb250U2V0dGluZ3MiOnsiJGlkIjoiODYxIiwiRm9udFNpemUiOjEwLCJGb250TmFtZSI6IkFyaWFsIiwiSXNCb2xkIjp0cnVlLCJJc0l0YWxpYyI6ZmFsc2UsIklzVW5kZXJsaW5lZCI6ZmFsc2UsIlBhcmVudFN0eWxlIjpudWxsfSwiQXV0b1NpemUiOjAsIkZvcmVncm91bmQiOnsiJGlkIjoiODYyIiwiQ29sb3IiOnsiJGlkIjoiODY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zMiLCJUb3AiOjAuMCwiTGVmdCI6MC4wLCJSaWdodCI6MC4wLCJCb3R0b20iOjAuMH0sIlBhZGRpbmciOnsiJGlkIjoiODc0IiwiVG9wIjowLjAsIkxlZnQiOjAuMCwiUmlnaHQiOjAuMCwiQm90dG9tIjowLjB9LCJCYWNrZ3JvdW5kIjp7IiRpZCI6Ijg3NSIsIkNvbG9yIjp7IiRpZCI6Ijg3NiIsIkEiOjg5LCJSIjowLCJHIjowLCJCIjowfX0sIklzVmlzaWJsZSI6dHJ1ZSwiV2lkdGgiOjAuMCwiSGVpZ2h0IjowLjAsIkJvcmRlclN0eWxlIjp7IiRpZCI6Ijg3NyIsIkxpbmVDb2xvciI6bnVsbCwiTGluZVdlaWdodCI6MC4wLCJMaW5lVHlwZSI6MCwiUGFyZW50U3R5bGUiOm51bGx9LCJQYXJlbnRTdHlsZSI6bnVsbH0sIkRhdGVGb3JtYXQiOnsiJGlkIjoiODc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wIiwiVG9wIjowLjAsIkxlZnQiOjAuMCwiUmlnaHQiOjAuMCwiQm90dG9tIjowLjB9LCJQYWRkaW5nIjp7IiRpZCI6IjkzMSIsIlRvcCI6MC4wLCJMZWZ0IjowLjAsIlJpZ2h0IjowLjAsIkJvdHRvbSI6MC4wfSwiQmFja2dyb3VuZCI6eyIkaWQiOiI5MzIiLCJDb2xvciI6eyIkaWQiOiI5MzMiLCJBIjo4OSwiUiI6MCwiRyI6MCwiQiI6MH19LCJJc1Zpc2libGUiOnRydWUsIldpZHRoIjowLjAsIkhlaWdodCI6MC4wLCJCb3JkZXJTdHlsZSI6eyIkaWQiOiI5MzQiLCJMaW5lQ29sb3IiOm51bGwsIkxpbmVXZWlnaHQiOjAuMCwiTGluZVR5cGUiOjAsIlBhcmVudFN0eWxlIjpudWxsfSwiUGFyZW50U3R5bGUiOm51bGx9LCJEYXRlRm9ybWF0Ijp7IiRpZCI6Ijkz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g3IiwiVG9wIjowLjAsIkxlZnQiOjAuMCwiUmlnaHQiOjAuMCwiQm90dG9tIjowLjB9LCJQYWRkaW5nIjp7IiRpZCI6Ijk4OCIsIlRvcCI6MC4wLCJMZWZ0IjowLjAsIlJpZ2h0IjowLjAsIkJvdHRvbSI6MC4wfSwiQmFja2dyb3VuZCI6eyIkaWQiOiI5ODkiLCJDb2xvciI6eyIkaWQiOiI5OTAiLCJBIjo4OSwiUiI6MCwiRyI6MCwiQiI6MH19LCJJc1Zpc2libGUiOnRydWUsIldpZHRoIjowLjAsIkhlaWdodCI6MC4wLCJCb3JkZXJTdHlsZSI6eyIkaWQiOiI5OTEiLCJMaW5lQ29sb3IiOm51bGwsIkxpbmVXZWlnaHQiOjAuMCwiTGluZVR5cGUiOjAsIlBhcmVudFN0eWxlIjpudWxsfSwiUGFyZW50U3R5bGUiOm51bGx9LCJEYXRlRm9ybWF0Ijp7IiRpZCI6Ijk5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g5LCJSIjowLCJHIjowLCJCIjowfX0sIklzVmlzaWJsZSI6dHJ1ZSwiV2lkdGgiOjAuMCwiSGVpZ2h0IjowLjAsIkJvcmRlclN0eWxlIjp7IiRpZCI6IjEyMzUiLCJMaW5lQ29sb3IiOm51bGwsIkxpbmVXZWlnaHQiOjAuMCwiTGluZVR5cGUiOjAsIlBhcmVudFN0eWxlIjpudWxsfSwiUGFyZW50U3R5bGUiOm51bGx9LCJEdXJhdGlvbl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V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IsIlJlY2VudENvbG9yc0NvbGxlY3Rpb24iOiJbXCIjRkY5NkQ2NDJcIixcIiNGRkZGQzAwMFwiXSJ9LCJTZXR0aW5ncyI6eyIkaWQiOiIxMjg0IiwiSW1wYU9wdGlvbnMiOm51bGw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I4NSIsIlVzZVRpbWUiOmZhbHNlLCJXb3JrRGF5U3RhcnQiOiIwMDowMDowMCIsIldvcmtEYXlFbmQiOiIyMzo1OTowMCJ9LCJMYXN0VXNlZFRlbXBsYXRlSWQiOiJjOGRkOTYzNy04OWNjLTRkYzktOTU0MC1lYTRjZjJjOTU2OTgiLCJGaXJzdFdlZWtPZlllYXIiOjAsIlBsYWNlTWlsZXN0b25lQXRUaGVCZWdpbm5pbmdPZlRoZURheSI6ZmFsc2UsIkRlcGVuZGVuY3lTY2hlZHVsaW5nU2V0dGluZ3MiOnsiJGlkIjoiMTI4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zMTEiLCJJZCI6ImQ0Yjk0Y2QwLTIwNzgtNDcyZS1hMmM3LTU3YTMxMWYyNjBkOSIsIkZyb20iOnsiJHJlZiI6IjM5MCJ9LCJLaW5kIjowLCJDbnhTdGFydEtpbmQiOjAsIkNueEVuZEtpbmQiOjAsIkxhZyI6bnVsbCwiVG8iOnsiJHJlZiI6IjQ0MiJ9LCJTdHlsZSI6eyIkaWQiOiIxMzEyIiwiTGluZVN0eWxlIjp7IiRpZCI6IjEzMTMiLCJMaW5lQ29sb3IiOnsiJHJlZiI6IjEzMDgifSwiTGluZVdlaWdodCI6MS4wLCJMaW5lVHlwZSI6MCwiUGFyZW50U3R5bGUiOm51bGx9LCJFbmRBcnJvd2hlYWRMaW5lU3R5bGUiOnsiJGlkIjoiMTMxN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M1NyIsIklkIjoiMTZiZDllNmYtMzA1YS00ZWQwLTk1NzgtODhhYTk4YTQ0NWU4IiwiRnJvbSI6eyIkcmVmIjoiNzY5In0sIktpbmQiOjAsIkNueFN0YXJ0S2luZCI6MCwiQ254RW5kS2luZCI6MCwiTGFnIjpudWxsLCJUbyI6eyIkcmVmIjoiMTExMSJ9LCJTdHlsZSI6eyIkaWQiOiIxMzU4IiwiTGluZVN0eWxlIjp7IiRpZCI6IjEzNTkiLCJMaW5lQ29sb3IiOnsiJHJlZiI6IjEzNTQifSwiTGluZVdlaWdodCI6MS4wLCJMaW5lVHlwZSI6MCwiUGFyZW50U3R5bGUiOm51bGx9LCJFbmRBcnJvd2hlYWRMaW5lU3R5bGUiOnsiJGlkIjoiMTM2M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MzYxIiwiSWQiOiI4ZjdlMzIzMC02NzA0LTQ4Y2EtODcwYi0wNDEyN2I2OTNjNGMiLCJGcm9tIjp7IiRyZWYiOiI4MjYifSwiS2luZCI6MCwiQ254U3RhcnRLaW5kIjowLCJDbnhFbmRLaW5kIjowLCJMYWciOm51bGwsIlRvIjp7IiRyZWYiOiIxMTExIn0sIlN0eWxlIjp7IiRpZCI6IjEzNjIiLCJMaW5lU3R5bGUiOnsiJGlkIjoiMTM2MyIsIkxpbmVDb2xvciI6eyIkcmVmIjoiMTM1NCJ9LCJMaW5lV2VpZ2h0IjoxLjAsIkxpbmVUeXBlIjowLCJQYXJlbnRTdHlsZSI6bnVsbH0sIkVuZEFycm93aGVhZExpbmVTdHlsZSI6eyIkaWQiOiIxMzY0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zNjUiLCJJZCI6IjQ0MzNjNDJlLTM3MTUtNGE5My1hMjY2LTY3MmI3MGM2YTAxNiIsIkZyb20iOnsiJHJlZiI6Ijg4MyJ9LCJLaW5kIjowLCJDbnhTdGFydEtpbmQiOjAsIkNueEVuZEtpbmQiOjAsIkxhZyI6bnVsbCwiVG8iOnsiJHJlZiI6IjExMTEifSwiU3R5bGUiOnsiJGlkIjoiMTM2NiIsIkxpbmVTdHlsZSI6eyIkaWQiOiIxMzY3IiwiTGluZUNvbG9yIjp7IiRyZWYiOiIxMzU0In0sIkxpbmVXZWlnaHQiOjEuMCwiTGluZVR5cGUiOjAsIlBhcmVudFN0eWxlIjpudWxsfSwiRW5kQXJyb3doZWFkTGluZVN0eWxlIjp7IiRpZCI6IjEzNjg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M2OSIsIklkIjoiMGIwYjZlNWQtZDg5Ny00ZDk3LWIxZjAtZTQwMzY4OWIxYmIzIiwiRnJvbSI6eyIkcmVmIjoiOTQwIn0sIktpbmQiOjAsIkNueFN0YXJ0S2luZCI6MCwiQ254RW5kS2luZCI6MCwiTGFnIjpudWxsLCJUbyI6eyIkcmVmIjoiMTExMSJ9LCJTdHlsZSI6eyIkaWQiOiIxMzcwIiwiTGluZVN0eWxlIjp7IiRpZCI6IjEzNzEiLCJMaW5lQ29sb3IiOnsiJHJlZiI6IjEzNTQifSwiTGluZVdlaWdodCI6MS4wLCJMaW5lVHlwZSI6MCwiUGFyZW50U3R5bGUiOm51bGx9LCJFbmRBcnJvd2hlYWRMaW5lU3R5bGUiOnsiJGlkIjoiMTM3Mi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MzczIiwiSWQiOiJiYjlhZDM2OS03ZTI5LTQzNGYtOTRkYy1jZThmNjkzNTExNGEiLCJGcm9tIjp7IiRyZWYiOiI5OTcifSwiS2luZCI6MCwiQ254U3RhcnRLaW5kIjowLCJDbnhFbmRLaW5kIjowLCJMYWciOm51bGwsIlRvIjp7IiRyZWYiOiIxMTExIn0sIlN0eWxlIjp7IiRpZCI6IjEzNzQiLCJMaW5lU3R5bGUiOnsiJGlkIjoiMTM3NSIsIkxpbmVDb2xvciI6eyIkcmVmIjoiMTM1NCJ9LCJMaW5lV2VpZ2h0IjoxLjAsIkxpbmVUeXBlIjowLCJQYXJlbnRTdHlsZSI6bnVsbH0sIkVuZEFycm93aGVhZExpbmVTdHlsZSI6eyIkaWQiOiIxMzc2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mZhbHNlfSx7IiRpZCI6IjEzOTUiLCJJZCI6IjA3YTM0MDdlLTJhMzgtNDI1MC05NzRmLTk2NTQyMjE5ZDRhNiIsIkZyb20iOnsiJHJlZiI6IjEyMjUifSwiS2luZCI6MywiQ254U3RhcnRLaW5kIjowLCJDbnhFbmRLaW5kIjoyLCJMYWciOm51bGwsIlRvIjp7IiRyZWYiOiIyNDgifSwiU3R5bGUiOnsiJGlkIjoiMTM5NiIsIkxpbmVTdHlsZSI6eyIkaWQiOiIxMzk3IiwiTGluZUNvbG9yIjp7IiRyZWYiOiIxMzkyIn0sIkxpbmVXZWlnaHQiOjEuMCwiTGluZVR5cGUiOjAsIlBhcmVudFN0eWxlIjpudWxsfSwiRW5kQXJyb3doZWFkTGluZVN0eWxlIjp7IiRpZCI6IjEzOTg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mZhbHNlfSx7IiRpZCI6IjEzOTkiLCJJZCI6IjRiZDc4NGYyLTFhMGUtNGJmNC04ZDNmLTU0YzE3OGJmZTc3OSIsIkZyb20iOnsiJHJlZiI6IjU5OCJ9LCJLaW5kIjowLCJDbnhTdGFydEtpbmQiOjAsIkNueEVuZEtpbmQiOjAsIkxhZyI6bnVsbCwiVG8iOnsiJHJlZiI6IjcxMiJ9LCJTdHlsZSI6eyIkaWQiOiIxNDAwIiwiTGluZVN0eWxlIjp7IiRpZCI6IjE0MDEiLCJMaW5lQ29sb3IiOnsiJHJlZiI6IjYifSwiTGluZVdlaWdodCI6MS4wLCJMaW5lVHlwZSI6MCwiUGFyZW50U3R5bGUiOm51bGx9LCJFbmRBcnJvd2hlYWRMaW5lU3R5bGUiOnsiJGlkIjoiMTQwMi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NDAzIiwiSWQiOiI2NGNjOWExZC0xZTZlLTQxODUtYWQ0NC05YTBiYzUxY2I0MTkiLCJGcm9tIjp7IiRyZWYiOiI1NDYifSwiS2luZCI6MCwiQ254U3RhcnRLaW5kIjowLCJDbnhFbmRLaW5kIjowLCJMYWciOm51bGwsIlRvIjp7IiRyZWYiOiI3NjkifSwiU3R5bGUiOnsiJGlkIjoiMTQwNCIsIkxpbmVTdHlsZSI6eyIkaWQiOiIxNDA1IiwiTGluZUNvbG9yIjp7IiRyZWYiOiI2In0sIkxpbmVXZWlnaHQiOjEuMCwiTGluZVR5cGUiOjAsIlBhcmVudFN0eWxlIjpudWxsfSwiRW5kQXJyb3doZWFkTGluZVN0eWxlIjp7IiRpZCI6IjE0MDY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QwNyIsIklkIjoiYjY3M2Y5YzItOGQzYy00NTNlLWJmN2EtNmY5Mzg2OTMyNWRhIiwiRnJvbSI6eyIkcmVmIjoiNTQ2In0sIktpbmQiOjAsIkNueFN0YXJ0S2luZCI6MCwiQ254RW5kS2luZCI6MCwiTGFnIjpudWxsLCJUbyI6eyIkcmVmIjoiODI2In0sIlN0eWxlIjp7IiRpZCI6IjE0MDgiLCJMaW5lU3R5bGUiOnsiJGlkIjoiMTQwOSIsIkxpbmVDb2xvciI6eyIkcmVmIjoiNiJ9LCJMaW5lV2VpZ2h0IjoxLjAsIkxpbmVUeXBlIjowLCJQYXJlbnRTdHlsZSI6bnVsbH0sIkVuZEFycm93aGVhZExpbmVTdHlsZSI6eyIkaWQiOiIxNDEw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0MTEiLCJJZCI6IjRmZGQ4NjUyLTc3OGQtNDY0ZS1hZGIwLWFlNDIzOTVmNTQ1ZiIsIkZyb20iOnsiJHJlZiI6IjU5OCJ9LCJLaW5kIjowLCJDbnhTdGFydEtpbmQiOjAsIkNueEVuZEtpbmQiOjAsIkxhZyI6bnVsbCwiVG8iOnsiJHJlZiI6Ijk0MCJ9LCJTdHlsZSI6eyIkaWQiOiIxNDEyIiwiTGluZVN0eWxlIjp7IiRpZCI6IjE0MTMiLCJMaW5lQ29sb3IiOnsiJHJlZiI6IjYifSwiTGluZVdlaWdodCI6MS4wLCJMaW5lVHlwZSI6MCwiUGFyZW50U3R5bGUiOm51bGx9LCJFbmRBcnJvd2hlYWRMaW5lU3R5bGUiOnsiJGlkIjoiMTQxN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NDE1IiwiSWQiOiIxMjJmZDc0ZS1jMjU4LTQ0NjktODM1Yy0yODYzODM2YTlmNTciLCJGcm9tIjp7IiRyZWYiOiI1OTgifSwiS2luZCI6MCwiQ254U3RhcnRLaW5kIjowLCJDbnhFbmRLaW5kIjowLCJMYWciOm51bGwsIlRvIjp7IiRyZWYiOiI5OTcifSwiU3R5bGUiOnsiJGlkIjoiMTQxNiIsIkxpbmVTdHlsZSI6eyIkaWQiOiIxNDE3IiwiTGluZUNvbG9yIjp7IiRyZWYiOiI2In0sIkxpbmVXZWlnaHQiOjEuMCwiTGluZVR5cGUiOjAsIlBhcmVudFN0eWxlIjpudWxsfSwiRW5kQXJyb3doZWFkTGluZVN0eWxlIjp7IiRpZCI6IjE0MTg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b1bb91e-331d-42f7-a218-24011ce02700"/>
  <p:tag name="OTLDEPDESTINATIONID" val="c0e64bb6-2e2a-4439-b4d8-7a7c63510b8f"/>
  <p:tag name="OTLDEPENDENCYLAGUNIT" val="Undefined"/>
  <p:tag name="OTLDEPENDENCYLAGVALUE" val="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b1bb91e-331d-42f7-a218-24011ce02700"/>
  <p:tag name="OTLDEPDESTINATIONID" val="8461dce0-bb36-455f-b166-80c89e12df39"/>
  <p:tag name="OTLDEPENDENCYLAGUNIT" val="Undefined"/>
  <p:tag name="OTLDEPENDENCYLAGVALUE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ENDDATE" val="2023-04-28T23:59:00.0000000"/>
  <p:tag name="OTLTIMEBANDWORKINGDAYS" val="All"/>
  <p:tag name="OTLTIMEBANDDEPENABLED" val="Tru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ENDDATE" val="2023-04-28T23:59:00.0000000"/>
  <p:tag name="OTLTIMEBANDWORKINGDAYS" val="All"/>
  <p:tag name="OTLTIMEBANDDEPENABLED" val="Tru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2T00:00:00.0000000"/>
  <p:tag name="OTLENDDATE" val="2023-03-03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4T00:00:00.0000000"/>
  <p:tag name="OTLENDDATE" val="2023-03-08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9T00:00:00.0000000"/>
  <p:tag name="OTLENDDATE" val="2023-03-10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11T00:00:00.0000000"/>
  <p:tag name="OTLENDDATE" val="2023-03-12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09T00:00:00.0000000"/>
  <p:tag name="OTLENDDATE" val="2023-03-11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11T00:00:00.0000000"/>
  <p:tag name="OTLENDDATE" val="2023-03-14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15T00:00:00.0000000"/>
  <p:tag name="OTLENDDATE" val="2023-03-20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21T00:00:00.0000000"/>
  <p:tag name="OTLENDDATE" val="2023-03-22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21T00:00:00.0000000"/>
  <p:tag name="OTLENDDATE" val="2023-03-29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15T00:00:00.0000000"/>
  <p:tag name="OTLENDDATE" val="2023-03-29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15T00:00:00.0000000"/>
  <p:tag name="OTLENDDATE" val="2023-03-29T23:59:00.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21T00:00:00.0000000"/>
  <p:tag name="OTLENDDATE" val="2023-03-29T23:59:00.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21T00:00:00.0000000"/>
  <p:tag name="OTLENDDATE" val="2023-03-29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21T00:00:00.0000000"/>
  <p:tag name="OTLENDDATE" val="2023-03-29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30T00:00:00.0000000"/>
  <p:tag name="OTLENDDATE" val="2023-04-01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3-30T00:00:00.0000000"/>
  <p:tag name="OTLENDDATE" val="2023-04-02T23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4-03T00:00:00.0000000"/>
  <p:tag name="OTLENDDATE" val="2023-04-10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3-04-11T00:00:00.0000000"/>
  <p:tag name="OTLENDDATE" val="2023-04-11T23:59:00.0000000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ISH"/>
  <p:tag name="OTLPOSITIONONTASK" val="None"/>
  <p:tag name="OTLRELATEDTASKID" val="00000000-0000-0000-0000-000000000000"/>
  <p:tag name="OTLDATE" val="2023-04-11T23:59:00.0000000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"/>
  <p:tag name="OTLDATE" val="2023-03-01T23:59:00.0000000"/>
  <p:tag name="OTLPOSITIONONTASK" val="None"/>
  <p:tag name="OTLRELATEDTASKID" val="00000000-0000-0000-0000-00000000000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Bottom"/>
  <p:tag name="OTLDEPDESTINATIONKIND" val="Side"/>
  <p:tag name="OTLDEPSOURCEID" val="b49ee9b8-0db7-4614-a75c-91b4879c15b3"/>
  <p:tag name="OTLDEPDESTINATIONID" val="a472f0c3-73ad-47f2-98a9-3e2abf4cf605"/>
  <p:tag name="OTLDEPENDENCYLAGUNIT" val="Undefined"/>
  <p:tag name="OTLDEPENDENCYLAGVALUE" val="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472f0c3-73ad-47f2-98a9-3e2abf4cf605"/>
  <p:tag name="OTLDEPDESTINATIONID" val="01bb942b-4bd4-48e8-a92d-2bce47980adc"/>
  <p:tag name="OTLDEPENDENCYLAGUNIT" val="Undefined"/>
  <p:tag name="OTLDEPENDENCYLAGVALUE" val="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1bb942b-4bd4-48e8-a92d-2bce47980adc"/>
  <p:tag name="OTLDEPDESTINATIONID" val="32b5bc16-bea9-4cfa-a6ce-c294b58af7d8"/>
  <p:tag name="OTLDEPENDENCYLAGUNIT" val="Undefined"/>
  <p:tag name="OTLDEPENDENCYLAGVALUE" val="0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1bb942b-4bd4-48e8-a92d-2bce47980adc"/>
  <p:tag name="OTLDEPDESTINATIONID" val="719eab1e-0c42-462c-b28d-eb4aafe3c0f6"/>
  <p:tag name="OTLDEPENDENCYLAGUNIT" val="Undefined"/>
  <p:tag name="OTLDEPENDENCYLAGVALUE" val="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2b5bc16-bea9-4cfa-a6ce-c294b58af7d8"/>
  <p:tag name="OTLDEPDESTINATIONID" val="719eab1e-0c42-462c-b28d-eb4aafe3c0f6"/>
  <p:tag name="OTLDEPENDENCYLAGUNIT" val="Undefined"/>
  <p:tag name="OTLDEPENDENCYLAGVALUE" val="0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01bb942b-4bd4-48e8-a92d-2bce47980adc"/>
  <p:tag name="OTLDEPDESTINATIONID" val="3c503878-4742-4d43-b312-4572a49e0694"/>
  <p:tag name="OTLDEPENDENCYLAGUNIT" val="Undefined"/>
  <p:tag name="OTLDEPENDENCYLAGVALUE" val="0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2b5bc16-bea9-4cfa-a6ce-c294b58af7d8"/>
  <p:tag name="OTLDEPDESTINATIONID" val="4c31515d-a6e0-4053-9ca8-11bc3602fa5b"/>
  <p:tag name="OTLDEPENDENCYLAGUNIT" val="Undefined"/>
  <p:tag name="OTLDEPENDENCYLAGVALUE" val="0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c31515d-a6e0-4053-9ca8-11bc3602fa5b"/>
  <p:tag name="OTLDEPDESTINATIONID" val="2b1bb91e-331d-42f7-a218-24011ce02700"/>
  <p:tag name="OTLDEPENDENCYLAGUNIT" val="Undefined"/>
  <p:tag name="OTLDEPENDENCYLAGVALUE" val="0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b1bb91e-331d-42f7-a218-24011ce02700"/>
  <p:tag name="OTLDEPDESTINATIONID" val="52542831-be35-4255-9b5e-a045113be903"/>
  <p:tag name="OTLDEPENDENCYLAGUNIT" val="Undefined"/>
  <p:tag name="OTLDEPENDENCYLAGVALUE" val="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b1bb91e-331d-42f7-a218-24011ce02700"/>
  <p:tag name="OTLDEPDESTINATIONID" val="787f8421-fbb2-48a3-af33-34e62b288801"/>
  <p:tag name="OTLDEPENDENCYLAGUNIT" val="Undefined"/>
  <p:tag name="OTLDEPENDENCYLAGVALUE" val="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87f8421-fbb2-48a3-af33-34e62b288801"/>
  <p:tag name="OTLDEPDESTINATIONID" val="d3696bda-fa08-4fff-a920-76f16c0cdc1c"/>
  <p:tag name="OTLDEPENDENCYLAGUNIT" val="Undefined"/>
  <p:tag name="OTLDEPENDENCYLAGVALUE" val="0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3089868-7385-4c2f-ba66-13ced8878c7d"/>
  <p:tag name="OTLDEPDESTINATIONID" val="2702c474-839d-4bdc-be4a-65a3cb662fa9"/>
  <p:tag name="OTLDEPENDENCYLAGUNIT" val="Undefined"/>
  <p:tag name="OTLDEPENDENCYLAGVALUE" val="0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f44d70b-02db-4d79-aca7-fa5b41d7445a"/>
  <p:tag name="OTLDEPDESTINATIONID" val="2702c474-839d-4bdc-be4a-65a3cb662fa9"/>
  <p:tag name="OTLDEPENDENCYLAGUNIT" val="Undefined"/>
  <p:tag name="OTLDEPENDENCYLAGVALUE" val="0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28c1295-2c17-42ef-8d0f-cb676d03c93b"/>
  <p:tag name="OTLDEPDESTINATIONID" val="2702c474-839d-4bdc-be4a-65a3cb662fa9"/>
  <p:tag name="OTLDEPENDENCYLAGUNIT" val="Undefined"/>
  <p:tag name="OTLDEPENDENCYLAGVALUE" val="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87f8421-fbb2-48a3-af33-34e62b288801"/>
  <p:tag name="OTLDEPDESTINATIONID" val="2702c474-839d-4bdc-be4a-65a3cb662fa9"/>
  <p:tag name="OTLDEPENDENCYLAGUNIT" val="Undefined"/>
  <p:tag name="OTLDEPENDENCYLAGVALUE" val="0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0e64bb6-2e2a-4439-b4d8-7a7c63510b8f"/>
  <p:tag name="OTLDEPDESTINATIONID" val="2702c474-839d-4bdc-be4a-65a3cb662fa9"/>
  <p:tag name="OTLDEPENDENCYLAGUNIT" val="Undefined"/>
  <p:tag name="OTLDEPENDENCYLAGVALUE" val="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461dce0-bb36-455f-b166-80c89e12df39"/>
  <p:tag name="OTLDEPDESTINATIONID" val="2702c474-839d-4bdc-be4a-65a3cb662fa9"/>
  <p:tag name="OTLDEPENDENCYLAGUNIT" val="Undefined"/>
  <p:tag name="OTLDEPENDENCYLAGVALUE" val="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702c474-839d-4bdc-be4a-65a3cb662fa9"/>
  <p:tag name="OTLDEPDESTINATIONID" val="e1bf5b9c-320a-45cf-afce-b0f87eacd3e9"/>
  <p:tag name="OTLDEPENDENCYLAGUNIT" val="Undefined"/>
  <p:tag name="OTLDEPENDENCYLAGVALUE" val="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e1bf5b9c-320a-45cf-afce-b0f87eacd3e9"/>
  <p:tag name="OTLDEPDESTINATIONID" val="acdf11cc-8dc9-45cb-910b-646634434c0c"/>
  <p:tag name="OTLDEPENDENCYLAGUNIT" val="Undefined"/>
  <p:tag name="OTLDEPENDENCYLAGVALUE" val="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Bottom"/>
  <p:tag name="OTLDEPSOURCEID" val="e1bf5b9c-320a-45cf-afce-b0f87eacd3e9"/>
  <p:tag name="OTLDEPDESTINATIONID" val="242c9db3-f408-4fca-8b02-1a075c829a3c"/>
  <p:tag name="OTLDEPENDENCYLAGUNIT" val="Undefined"/>
  <p:tag name="OTLDEPENDENCYLAGVALUE" val="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inishToFinish"/>
  <p:tag name="OTLDEPSOURCEKIND" val="Side"/>
  <p:tag name="OTLDEPDESTINATIONKIND" val="Bottom"/>
  <p:tag name="OTLDEPSOURCEID" val="acdf11cc-8dc9-45cb-910b-646634434c0c"/>
  <p:tag name="OTLDEPDESTINATIONID" val="242c9db3-f408-4fca-8b02-1a075c829a3c"/>
  <p:tag name="OTLDEPENDENCYLAGUNIT" val="Undefined"/>
  <p:tag name="OTLDEPENDENCYLAGVALUE" val="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b1bb91e-331d-42f7-a218-24011ce02700"/>
  <p:tag name="OTLDEPDESTINATIONID" val="73089868-7385-4c2f-ba66-13ced8878c7d"/>
  <p:tag name="OTLDEPENDENCYLAGUNIT" val="Undefined"/>
  <p:tag name="OTLDEPENDENCYLAGVALUE" val="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c31515d-a6e0-4053-9ca8-11bc3602fa5b"/>
  <p:tag name="OTLDEPDESTINATIONID" val="7f44d70b-02db-4d79-aca7-fa5b41d7445a"/>
  <p:tag name="OTLDEPENDENCYLAGUNIT" val="Undefined"/>
  <p:tag name="OTLDEPENDENCYLAGVALUE" val="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4c31515d-a6e0-4053-9ca8-11bc3602fa5b"/>
  <p:tag name="OTLDEPDESTINATIONID" val="228c1295-2c17-42ef-8d0f-cb676d03c93b"/>
  <p:tag name="OTLDEPENDENCYLAGUNIT" val="Undefined"/>
  <p:tag name="OTLDEPENDENCYLAGVALUE" val="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8</Words>
  <Application>Microsoft Office PowerPoint</Application>
  <PresentationFormat>Widescreen</PresentationFormat>
  <Paragraphs>4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1-09T09:45:35Z</dcterms:created>
  <dcterms:modified xsi:type="dcterms:W3CDTF">2023-01-09T09:45:47Z</dcterms:modified>
</cp:coreProperties>
</file>